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6327"/>
  <workbookPr/>
  <mc:AlternateContent xmlns:mc="http://schemas.openxmlformats.org/markup-compatibility/2006">
    <mc:Choice Requires="x15">
      <x15ac:absPath xmlns:x15ac="http://schemas.microsoft.com/office/spreadsheetml/2010/11/ac" url="https://syddanskuni-my.sharepoint.com/personal/nustrup_sdu_dk/Documents/Flytning til NytSUND/"/>
    </mc:Choice>
  </mc:AlternateContent>
  <xr:revisionPtr revIDLastSave="0" documentId="8_{916AAADE-835F-460B-9C64-F2FC9704A98F}" xr6:coauthVersionLast="47" xr6:coauthVersionMax="47" xr10:uidLastSave="{00000000-0000-0000-0000-000000000000}"/>
  <bookViews>
    <workbookView xWindow="28680" yWindow="-120" windowWidth="29040" windowHeight="15840" xr2:uid="{8896788D-4D17-4058-8025-1A7424B43ED5}"/>
  </bookViews>
  <sheets>
    <sheet name="Ark1" sheetId="1" r:id="rId1"/>
  </sheets>
  <definedNames>
    <definedName name="_xlnm._FilterDatabase" localSheetId="0" hidden="1">'Ark1'!$A$3:$E$3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</xcalcf:calcFeatures>
    </ext>
  </extLst>
</workbook>
</file>

<file path=xl/sharedStrings.xml><?xml version="1.0" encoding="utf-8"?>
<sst xmlns="http://schemas.openxmlformats.org/spreadsheetml/2006/main" count="744" uniqueCount="360">
  <si>
    <t>kontornummer 
NytSUND</t>
  </si>
  <si>
    <t>Enhed</t>
  </si>
  <si>
    <t>Afsaneh Mohammadnejad</t>
  </si>
  <si>
    <t>EBB</t>
  </si>
  <si>
    <t>V14-702a-1</t>
  </si>
  <si>
    <t>Amalie Wiben</t>
  </si>
  <si>
    <t>DaCHE</t>
  </si>
  <si>
    <t>V14-611a-2</t>
  </si>
  <si>
    <t>Anders J. Svendsen</t>
  </si>
  <si>
    <t>V14-702b-1</t>
  </si>
  <si>
    <t>Anders Sønderlund</t>
  </si>
  <si>
    <t>FEA</t>
  </si>
  <si>
    <t>V11-801b-2</t>
  </si>
  <si>
    <t>Andreas Svendsen</t>
  </si>
  <si>
    <t>KFFM</t>
  </si>
  <si>
    <t>V18-811a-2</t>
  </si>
  <si>
    <t>Anikka Sigvaldsen</t>
  </si>
  <si>
    <t>V14-806a-2</t>
  </si>
  <si>
    <t>Anita Hagelskær</t>
  </si>
  <si>
    <t>V14-701d-1</t>
  </si>
  <si>
    <t>Ann Charlotte Nørremark</t>
  </si>
  <si>
    <t>V11-805a-2</t>
  </si>
  <si>
    <t>Anne Sophie Oxholm</t>
  </si>
  <si>
    <t>V15-615a-2</t>
  </si>
  <si>
    <t>Annette Zeberg</t>
  </si>
  <si>
    <t>Anton Pottegård</t>
  </si>
  <si>
    <t>V18-812b-2</t>
  </si>
  <si>
    <t>Arendse Tange Larsen</t>
  </si>
  <si>
    <t>V14-614b-2</t>
  </si>
  <si>
    <t>Aryan Dargahi</t>
  </si>
  <si>
    <t>V12-801c-2</t>
  </si>
  <si>
    <t>Asbjørn Tang Hall</t>
  </si>
  <si>
    <t>V13-811b-2</t>
  </si>
  <si>
    <t>Asmus Cosmos Skovgaard</t>
  </si>
  <si>
    <t>V11-615a-1</t>
  </si>
  <si>
    <t>Astrid Janssens</t>
  </si>
  <si>
    <t>BBi</t>
  </si>
  <si>
    <t>V14-703d-1</t>
  </si>
  <si>
    <t>Axel Skytthe</t>
  </si>
  <si>
    <t>V11-614b-1</t>
  </si>
  <si>
    <t>Benedicte Torp Ladefoged</t>
  </si>
  <si>
    <t>Berit Have Knudsen</t>
  </si>
  <si>
    <t>V12-803b-2</t>
  </si>
  <si>
    <t>Berit Schiøtz-Christensen/Alex Kappel Krørup/Malene Plejdrup</t>
  </si>
  <si>
    <t>V11-803a-2</t>
  </si>
  <si>
    <t>Bernard Jeune</t>
  </si>
  <si>
    <t>Biostatistik gæsteplads</t>
  </si>
  <si>
    <t>Birgitte Damby</t>
  </si>
  <si>
    <t>V18-805a-2</t>
  </si>
  <si>
    <t>Birgitte Nørgaard</t>
  </si>
  <si>
    <t>V14-704a-1</t>
  </si>
  <si>
    <t>Camilla Jøhnk Christensen</t>
  </si>
  <si>
    <t>V11-804a-2</t>
  </si>
  <si>
    <t>Camilla Riis Nielsen</t>
  </si>
  <si>
    <t>Camilla Skov Nielsen</t>
  </si>
  <si>
    <t>IST</t>
  </si>
  <si>
    <t>V14-702b-2</t>
  </si>
  <si>
    <t>Carl Brandt</t>
  </si>
  <si>
    <t>Carlos Llor</t>
  </si>
  <si>
    <t>V14-810a-2</t>
  </si>
  <si>
    <t>Charlotte Lykkegaard</t>
  </si>
  <si>
    <t>V14-703d-2</t>
  </si>
  <si>
    <t>Charlotte Rørth</t>
  </si>
  <si>
    <t>Charlotte Skouboe</t>
  </si>
  <si>
    <t>V11-610b-1</t>
  </si>
  <si>
    <t>Christian Skovsgaard</t>
  </si>
  <si>
    <t>Christina Jessen-Winge</t>
  </si>
  <si>
    <t>Christine Dalgård</t>
  </si>
  <si>
    <t>V18-812a-2</t>
  </si>
  <si>
    <t>Dimitar Yordanov</t>
  </si>
  <si>
    <t>V14-612a-2</t>
  </si>
  <si>
    <t>Dorte Gyrd-Hansen</t>
  </si>
  <si>
    <t>V14-613a-2</t>
  </si>
  <si>
    <t>Dorte Jarbøl</t>
  </si>
  <si>
    <t>V13-809b-2</t>
  </si>
  <si>
    <t>Dorte Toudal Viftrup</t>
  </si>
  <si>
    <t>V12-806b-2</t>
  </si>
  <si>
    <t>Dorthe Almind Pedersen</t>
  </si>
  <si>
    <t>V11-611a-1</t>
  </si>
  <si>
    <t>Elisabeth Assing Hvidt</t>
  </si>
  <si>
    <t>V12-804c-2</t>
  </si>
  <si>
    <t>Elle Lüchau</t>
  </si>
  <si>
    <t>Eva Draborg</t>
  </si>
  <si>
    <t>V15-613a-2</t>
  </si>
  <si>
    <t>Eva Wæhrens</t>
  </si>
  <si>
    <t>V14-706a-1</t>
  </si>
  <si>
    <t>Fereshteh Baygi</t>
  </si>
  <si>
    <t>V14-810b-2</t>
  </si>
  <si>
    <t>Flemming Nielsen</t>
  </si>
  <si>
    <t>V18-807a-2</t>
  </si>
  <si>
    <t>Frederik Rosenbæk</t>
  </si>
  <si>
    <t>V11-806a-2</t>
  </si>
  <si>
    <t>Gitte B. Lauridsen</t>
  </si>
  <si>
    <t>V13-810c-2</t>
  </si>
  <si>
    <t>Gitte Bay Christensen</t>
  </si>
  <si>
    <t>Gitte Toftgaard Jørgensen</t>
  </si>
  <si>
    <t>V14-703a-2</t>
  </si>
  <si>
    <t>V14-704d-1</t>
  </si>
  <si>
    <t>Gæstearbejdsplads (ved Signe)</t>
  </si>
  <si>
    <t>V14-701c-1</t>
  </si>
  <si>
    <t>Gæsteplads (hos Jette)</t>
  </si>
  <si>
    <t>V12-611a-1</t>
  </si>
  <si>
    <t>Gæsteplads (Stine)</t>
  </si>
  <si>
    <t>V14-702a-2</t>
  </si>
  <si>
    <t>V11-612a-1</t>
  </si>
  <si>
    <t>Hanin Harbi</t>
  </si>
  <si>
    <t>V18-810a-2</t>
  </si>
  <si>
    <t>Heidi Gram</t>
  </si>
  <si>
    <t>V11-802a-2</t>
  </si>
  <si>
    <t>Heidi Inger Nielsen</t>
  </si>
  <si>
    <t>V14-701d-2</t>
  </si>
  <si>
    <t>Helene Jensen</t>
  </si>
  <si>
    <t>Helene Støttrup Andersen</t>
  </si>
  <si>
    <t>V14-704c-2</t>
  </si>
  <si>
    <t>Helle Gregersen</t>
  </si>
  <si>
    <t>V12-805b-2</t>
  </si>
  <si>
    <t>Helle Reintoft Andersen</t>
  </si>
  <si>
    <t>V12-803a-2</t>
  </si>
  <si>
    <t>Helle Søht</t>
  </si>
  <si>
    <t>V13-812a-2</t>
  </si>
  <si>
    <t>Henriette Tind Hasse</t>
  </si>
  <si>
    <t>Henrik Horneberg</t>
  </si>
  <si>
    <t>V14-805b-2</t>
  </si>
  <si>
    <t>Iben Have Beck</t>
  </si>
  <si>
    <t>V15-806a-2</t>
  </si>
  <si>
    <t>Isabella Raasthøj</t>
  </si>
  <si>
    <t>V13-810d-2</t>
  </si>
  <si>
    <t>Jacob Andersen</t>
  </si>
  <si>
    <t>V14-803-a-2</t>
  </si>
  <si>
    <t>Jacob Krabbe Pedersen</t>
  </si>
  <si>
    <t>V12-610c-1</t>
  </si>
  <si>
    <t>Jacob von Bornemann Hjelmborg</t>
  </si>
  <si>
    <t>V14-703a-1</t>
  </si>
  <si>
    <t>Jakob Mortensen</t>
  </si>
  <si>
    <t>V11-613a-1</t>
  </si>
  <si>
    <t>Jan Beyer</t>
  </si>
  <si>
    <t>Jeanette Reffstrup Christensen</t>
  </si>
  <si>
    <t>V14-705b-1</t>
  </si>
  <si>
    <t>Jens Søndergaard</t>
  </si>
  <si>
    <t>Jesper Bo Nielsen</t>
  </si>
  <si>
    <t>V14-701c-2</t>
  </si>
  <si>
    <t>Jesper Hallas</t>
  </si>
  <si>
    <t>V15-803b-2</t>
  </si>
  <si>
    <t>Jesper Lykkegaard</t>
  </si>
  <si>
    <t>Jette Martens Jørgensen</t>
  </si>
  <si>
    <t>Jette Thuensen</t>
  </si>
  <si>
    <t>Johan Wallin</t>
  </si>
  <si>
    <t>Jonas Bloch Thorlund</t>
  </si>
  <si>
    <t>Jonas K. Olsen</t>
  </si>
  <si>
    <t>Jonas Mengel-From</t>
  </si>
  <si>
    <t>V12-613c-1</t>
  </si>
  <si>
    <t>Julie Hansen</t>
  </si>
  <si>
    <t>Jørgen Nexøe</t>
  </si>
  <si>
    <t>Kamilla Bendixen</t>
  </si>
  <si>
    <t>Karen Andersen-Ranberg</t>
  </si>
  <si>
    <t>Karen la Cour</t>
  </si>
  <si>
    <t>V14-704c-1</t>
  </si>
  <si>
    <t>Katja Schrøder</t>
  </si>
  <si>
    <t>V14-705a-1</t>
  </si>
  <si>
    <t>Katrine Sørensen</t>
  </si>
  <si>
    <t>Kim Rose</t>
  </si>
  <si>
    <t>Kirsten Møller Gauthier</t>
  </si>
  <si>
    <t>V12-613a-1</t>
  </si>
  <si>
    <t>Kirubakaran Balasubramaniam</t>
  </si>
  <si>
    <t>Kjersti Øverland</t>
  </si>
  <si>
    <t>Kristen Mona Rasmussen</t>
  </si>
  <si>
    <t>Kaare Christensen</t>
  </si>
  <si>
    <t>V12-612b-1</t>
  </si>
  <si>
    <t>Lanfranco Pellosi</t>
  </si>
  <si>
    <t>V15-805b-2</t>
  </si>
  <si>
    <t>Lars Christian Lund</t>
  </si>
  <si>
    <t>Lars Hvidberg</t>
  </si>
  <si>
    <t>Laura Kvorning</t>
  </si>
  <si>
    <t>Lena Larsen Rasmussen</t>
  </si>
  <si>
    <t>V14-804a-2</t>
  </si>
  <si>
    <t>Lene Halling Hastrup</t>
  </si>
  <si>
    <t>V15316c-2</t>
  </si>
  <si>
    <t>Liang He</t>
  </si>
  <si>
    <t>Line Bjørnskov Pedersen</t>
  </si>
  <si>
    <t>Line Løvgreen Thomsen</t>
  </si>
  <si>
    <t>Line Planck Kongstad</t>
  </si>
  <si>
    <t>V15-614b-2</t>
  </si>
  <si>
    <t>Line Simonsen</t>
  </si>
  <si>
    <t>V13-809a-2</t>
  </si>
  <si>
    <t>Lisa Sele Sætre</t>
  </si>
  <si>
    <t>V13-811a-2</t>
  </si>
  <si>
    <t>Lisbeth Aagaard Larsen</t>
  </si>
  <si>
    <t>Lise Lotte Krogh</t>
  </si>
  <si>
    <t>Liza Sopina</t>
  </si>
  <si>
    <t>Lone Larsen</t>
  </si>
  <si>
    <t>Lone Myllerup Hansen</t>
  </si>
  <si>
    <t>V12-802a-2</t>
  </si>
  <si>
    <t>Lotte Rasmussen</t>
  </si>
  <si>
    <t>V-15-804a-2</t>
  </si>
  <si>
    <t>Louise Brygger Venø</t>
  </si>
  <si>
    <t>V14-704d-2</t>
  </si>
  <si>
    <t>Louise Jeremiasen</t>
  </si>
  <si>
    <t>Louise Ladebo</t>
  </si>
  <si>
    <t>V15-804c-2</t>
  </si>
  <si>
    <t>Louise Schubert Paaske</t>
  </si>
  <si>
    <t>Luma Shahin</t>
  </si>
  <si>
    <t>Lærke Bing Røikjer</t>
  </si>
  <si>
    <t>Maiken Kidholm</t>
  </si>
  <si>
    <t>Maiken Skovrider Aaskoven</t>
  </si>
  <si>
    <t>Maja Hermansen</t>
  </si>
  <si>
    <t>Maja Tavlov Petersson</t>
  </si>
  <si>
    <t>Maria M. Storsveen</t>
  </si>
  <si>
    <t>V14-704a-2</t>
  </si>
  <si>
    <t>Maria Timofeeva</t>
  </si>
  <si>
    <t>V12-615a-1</t>
  </si>
  <si>
    <t>Marianne Fløjstrup</t>
  </si>
  <si>
    <t>Marianne Nygaard</t>
  </si>
  <si>
    <t>Marianne Risager/Dorrie Jones</t>
  </si>
  <si>
    <t>V12-804a-2</t>
  </si>
  <si>
    <t>Marie Kruse</t>
  </si>
  <si>
    <t>V15-614a-2</t>
  </si>
  <si>
    <t>Martin Ernst</t>
  </si>
  <si>
    <t>Martin Rahbek</t>
  </si>
  <si>
    <t>Matt McGue</t>
  </si>
  <si>
    <t>V12-614b-1</t>
  </si>
  <si>
    <t>Matthew Keys</t>
  </si>
  <si>
    <t>Maya Fey Niemann Hallet</t>
  </si>
  <si>
    <t>Melker S. Johansson</t>
  </si>
  <si>
    <t>Merethe Andersen</t>
  </si>
  <si>
    <t>V14-811a-2</t>
  </si>
  <si>
    <t>Mette Dahl</t>
  </si>
  <si>
    <t>Mette PlatZ</t>
  </si>
  <si>
    <t>Mette Reilev</t>
  </si>
  <si>
    <t>Mette Sørensen Thingaard</t>
  </si>
  <si>
    <t>Michael Haurum Marcussen</t>
  </si>
  <si>
    <t>Mie K. Søndergaard</t>
  </si>
  <si>
    <t>Mikael Sørensen Thinggaard</t>
  </si>
  <si>
    <t>Mogens Hørder</t>
  </si>
  <si>
    <t>Morten Olesen</t>
  </si>
  <si>
    <t>Nanna Andersen</t>
  </si>
  <si>
    <t>Nanna H. Svensson</t>
  </si>
  <si>
    <t>Ngaio Ustrup</t>
  </si>
  <si>
    <t>Nicolai Damslund</t>
  </si>
  <si>
    <t>Niels Christian Hvidt</t>
  </si>
  <si>
    <t>V12-806a-2</t>
  </si>
  <si>
    <t>Nina Døssing-Poulsen</t>
  </si>
  <si>
    <t>V14-811b-2</t>
  </si>
  <si>
    <t>NN Økonomimedarbejder</t>
  </si>
  <si>
    <t>Nuno Nielsen</t>
  </si>
  <si>
    <t>Ny ph.d.-stud. A</t>
  </si>
  <si>
    <t>Ny ph.d.-stud. B</t>
  </si>
  <si>
    <t>Ny postdoc (ved Iben)</t>
  </si>
  <si>
    <t>Pernille Stemann Larsen</t>
  </si>
  <si>
    <t>Peter Haastrup</t>
  </si>
  <si>
    <t>Peter Jensen</t>
  </si>
  <si>
    <t>ph.d. plads (m/ Andreas, Katrine og Nanna)</t>
  </si>
  <si>
    <t>Ph.d. plads B1</t>
  </si>
  <si>
    <t>V14-706b-1</t>
  </si>
  <si>
    <t>Ph.d. plads B2</t>
  </si>
  <si>
    <t>Ph.d. plads B3</t>
  </si>
  <si>
    <t>Ph.d. plads B4</t>
  </si>
  <si>
    <t>Ph.d. plads C1</t>
  </si>
  <si>
    <t>V14-705c-1</t>
  </si>
  <si>
    <t>Ph.d. plads C2</t>
  </si>
  <si>
    <t>Ph.d. plads C3</t>
  </si>
  <si>
    <t>Ph.d. plads C4</t>
  </si>
  <si>
    <t>Ph.d.-studerende A</t>
  </si>
  <si>
    <t>Ph.d.-studerende B</t>
  </si>
  <si>
    <t>Ph.d.-studerende C</t>
  </si>
  <si>
    <t>Ph.d.-zone1</t>
  </si>
  <si>
    <t>V14-705c-2</t>
  </si>
  <si>
    <t>Ph.d.-zone10</t>
  </si>
  <si>
    <t>V14-706b-2</t>
  </si>
  <si>
    <t>Ph.d.-zone11</t>
  </si>
  <si>
    <t>V14-705b-2</t>
  </si>
  <si>
    <t>Ph.d.-zone12</t>
  </si>
  <si>
    <t>Ph.d.-zone13</t>
  </si>
  <si>
    <t>Ph.d.-zone14</t>
  </si>
  <si>
    <t>V14-706a-2</t>
  </si>
  <si>
    <t>Ph.d.-zone15</t>
  </si>
  <si>
    <t>Ph.d.-zone16</t>
  </si>
  <si>
    <t>Ph.d.-zone2</t>
  </si>
  <si>
    <t>Ph.d.-zone3</t>
  </si>
  <si>
    <t>Ph.d.-zone4</t>
  </si>
  <si>
    <t>Ph.d.-zone5</t>
  </si>
  <si>
    <t>Ph.d.-zone6</t>
  </si>
  <si>
    <t>Ph.d.-zone7</t>
  </si>
  <si>
    <t>Ph.d.-zone8</t>
  </si>
  <si>
    <t>Ph.d.-zone9</t>
  </si>
  <si>
    <t>Plads i Klinisk projektenhed MM1</t>
  </si>
  <si>
    <t>V18-806a-2</t>
  </si>
  <si>
    <t>Plads i Klinisk projektenhed MM2</t>
  </si>
  <si>
    <t>Plads i Klinisk projektenhed MM3</t>
  </si>
  <si>
    <t>Plads i Klinisk projektenhed MM4</t>
  </si>
  <si>
    <t>Postdoc615A</t>
  </si>
  <si>
    <t>V14-615a-2</t>
  </si>
  <si>
    <t>Postdoc615B</t>
  </si>
  <si>
    <t>Postdoc615C</t>
  </si>
  <si>
    <t>Postdoc615D</t>
  </si>
  <si>
    <t>Qihua Tan</t>
  </si>
  <si>
    <t>V12-614a-1</t>
  </si>
  <si>
    <t>Rasmus Andersen</t>
  </si>
  <si>
    <t>Rasmus Dahl-Larsen</t>
  </si>
  <si>
    <t>Ricko D. Nissen</t>
  </si>
  <si>
    <t>Rikke Sand Andersen</t>
  </si>
  <si>
    <t>V14-705a-2</t>
  </si>
  <si>
    <t>Rune Lindahl-Jacobsen</t>
  </si>
  <si>
    <t>V12-612a-1</t>
  </si>
  <si>
    <t>Sabrina H. Nielsen</t>
  </si>
  <si>
    <t>Sanne Rasmussen</t>
  </si>
  <si>
    <t>Sara Stage Voetmann</t>
  </si>
  <si>
    <t>Sarah Andersen</t>
  </si>
  <si>
    <t>Sasja Maria Pedersen</t>
  </si>
  <si>
    <t>Sebastian Bloch</t>
  </si>
  <si>
    <t>Signe Bedsted</t>
  </si>
  <si>
    <t xml:space="preserve">Solange Ketelhuth </t>
  </si>
  <si>
    <t>Sonja Wehberg</t>
  </si>
  <si>
    <t>V14-703b-2</t>
  </si>
  <si>
    <t>Steffan Holst Hansen</t>
  </si>
  <si>
    <t>Steffi Naamansen</t>
  </si>
  <si>
    <t>Stine Hollænder</t>
  </si>
  <si>
    <t>Stine Normann</t>
  </si>
  <si>
    <t>Studentermedhjælp (Noah)</t>
  </si>
  <si>
    <t>Studentermedhjælp (Simon)</t>
  </si>
  <si>
    <t>Studetermedhjælp (Anders)</t>
  </si>
  <si>
    <t>Studetermedhjælp (Sarah)</t>
  </si>
  <si>
    <t>Subash Thapa</t>
  </si>
  <si>
    <t>Susanne Døssing Berntsen</t>
  </si>
  <si>
    <t>Susanne Kløjgaard</t>
  </si>
  <si>
    <t>Susanne Knudsen</t>
  </si>
  <si>
    <t>Sussi Friis Buhl</t>
  </si>
  <si>
    <t>Søren Rud Kristensen</t>
  </si>
  <si>
    <t>V15-612b-2</t>
  </si>
  <si>
    <t>Saad Abbasi</t>
  </si>
  <si>
    <t>Tania Erika Aniol Hansen</t>
  </si>
  <si>
    <t>Tanja Engsbro</t>
  </si>
  <si>
    <t>Tina Kold Jensen</t>
  </si>
  <si>
    <t>V18-809a-2</t>
  </si>
  <si>
    <t>Tina L. Christensen</t>
  </si>
  <si>
    <t>V12-805a-2</t>
  </si>
  <si>
    <t>Tine Bovil (starter 1/8)</t>
  </si>
  <si>
    <t>Tobias Kvist Stripp</t>
  </si>
  <si>
    <t>Torben Uhrenholt</t>
  </si>
  <si>
    <t>Tore B. Stage</t>
  </si>
  <si>
    <t>V15-805a-2</t>
  </si>
  <si>
    <t>Trine Kjær</t>
  </si>
  <si>
    <t>Trine Thilsing</t>
  </si>
  <si>
    <t>Troels Kristensen</t>
  </si>
  <si>
    <t>V15-612a-2</t>
  </si>
  <si>
    <t>Troels Mygind Jensen</t>
  </si>
  <si>
    <t>Ulrich Halekoh</t>
  </si>
  <si>
    <t>V14-703b-1</t>
  </si>
  <si>
    <t>Vibeke Karlsen</t>
  </si>
  <si>
    <t>Vibeke Kvist Pedersen</t>
  </si>
  <si>
    <t>Vita Hagelskjær</t>
  </si>
  <si>
    <t>Winnie Poulsen</t>
  </si>
  <si>
    <t>Åse Brandt</t>
  </si>
  <si>
    <t>Person-Enhed-Kontor på NytSUND</t>
  </si>
  <si>
    <r>
      <t xml:space="preserve">V17-813a-2
</t>
    </r>
    <r>
      <rPr>
        <sz val="11"/>
        <color theme="1"/>
        <rFont val="Arial"/>
        <family val="2"/>
        <scheme val="minor"/>
      </rPr>
      <t>(beregnerrum)</t>
    </r>
  </si>
  <si>
    <r>
      <t xml:space="preserve">Gæstearbejdsplads </t>
    </r>
    <r>
      <rPr>
        <sz val="11"/>
        <color theme="1"/>
        <rFont val="Arial"/>
        <family val="2"/>
        <scheme val="minor"/>
      </rPr>
      <t>(Line, Mogens, Åse)</t>
    </r>
  </si>
  <si>
    <r>
      <t>Gæsteplads</t>
    </r>
    <r>
      <rPr>
        <sz val="11"/>
        <color theme="1"/>
        <rFont val="Arial"/>
        <family val="2"/>
        <scheme val="minor"/>
      </rPr>
      <t xml:space="preserve"> (Asmus/Winnie/Kamilla)</t>
    </r>
  </si>
  <si>
    <r>
      <t xml:space="preserve">Gæsteplads </t>
    </r>
    <r>
      <rPr>
        <sz val="11"/>
        <color theme="1"/>
        <rFont val="Arial"/>
        <family val="2"/>
        <scheme val="minor"/>
      </rPr>
      <t>(Ngaio/Camilla)</t>
    </r>
  </si>
  <si>
    <r>
      <t xml:space="preserve">Gæsteplads1 </t>
    </r>
    <r>
      <rPr>
        <sz val="11"/>
        <color theme="1"/>
        <rFont val="Arial"/>
        <family val="2"/>
        <scheme val="minor"/>
      </rPr>
      <t>(hos maja-maja)</t>
    </r>
  </si>
  <si>
    <r>
      <t xml:space="preserve">V17-807a-2
</t>
    </r>
    <r>
      <rPr>
        <sz val="11"/>
        <color theme="1"/>
        <rFont val="Arial"/>
        <family val="2"/>
        <scheme val="minor"/>
      </rPr>
      <t>(beregnerrum)</t>
    </r>
  </si>
  <si>
    <t xml:space="preserve">Person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fonts count="5" x14ac:knownFonts="1">
    <font>
      <sz val="11"/>
      <color theme="1"/>
      <name val="Arial"/>
      <family val="2"/>
      <scheme val="minor"/>
    </font>
    <font>
      <sz val="11"/>
      <color theme="1"/>
      <name val="Arial"/>
      <family val="2"/>
      <scheme val="minor"/>
    </font>
    <font>
      <b/>
      <sz val="11"/>
      <color theme="1"/>
      <name val="Arial"/>
      <family val="2"/>
      <scheme val="minor"/>
    </font>
    <font>
      <sz val="11"/>
      <name val="Arial"/>
      <family val="2"/>
      <scheme val="minor"/>
    </font>
    <font>
      <b/>
      <sz val="11"/>
      <name val="Arial"/>
      <family val="2"/>
      <scheme val="minor"/>
    </font>
  </fonts>
  <fills count="3">
    <fill>
      <patternFill patternType="none"/>
    </fill>
    <fill>
      <patternFill patternType="gray125"/>
    </fill>
    <fill>
      <patternFill patternType="solid">
        <fgColor theme="5" tint="0.39997558519241921"/>
        <bgColor indexed="64"/>
      </patternFill>
    </fill>
  </fills>
  <borders count="7">
    <border>
      <left/>
      <right/>
      <top/>
      <bottom/>
      <diagonal/>
    </border>
    <border>
      <left style="thin">
        <color indexed="64"/>
      </left>
      <right style="thin">
        <color indexed="64"/>
      </right>
      <top/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medium">
        <color indexed="64"/>
      </bottom>
      <diagonal/>
    </border>
    <border>
      <left style="thin">
        <color indexed="64"/>
      </left>
      <right style="medium">
        <color indexed="64"/>
      </right>
      <top style="medium">
        <color indexed="64"/>
      </top>
      <bottom style="medium">
        <color indexed="64"/>
      </bottom>
      <diagonal/>
    </border>
  </borders>
  <cellStyleXfs count="1">
    <xf numFmtId="0" fontId="0" fillId="0" borderId="0"/>
  </cellStyleXfs>
  <cellXfs count="12">
    <xf numFmtId="0" fontId="0" fillId="0" borderId="0" xfId="0"/>
    <xf numFmtId="0" fontId="2" fillId="0" borderId="0" xfId="0" applyFont="1"/>
    <xf numFmtId="0" fontId="3" fillId="0" borderId="2" xfId="0" applyFont="1" applyBorder="1"/>
    <xf numFmtId="0" fontId="0" fillId="0" borderId="0" xfId="0" applyFont="1"/>
    <xf numFmtId="0" fontId="0" fillId="0" borderId="2" xfId="0" applyFont="1" applyBorder="1"/>
    <xf numFmtId="0" fontId="0" fillId="0" borderId="2" xfId="0" applyFont="1" applyBorder="1" applyAlignment="1">
      <alignment wrapText="1"/>
    </xf>
    <xf numFmtId="0" fontId="0" fillId="0" borderId="3" xfId="0" applyFont="1" applyBorder="1"/>
    <xf numFmtId="0" fontId="0" fillId="0" borderId="1" xfId="0" applyFont="1" applyBorder="1"/>
    <xf numFmtId="0" fontId="0" fillId="0" borderId="0" xfId="0" applyFont="1" applyFill="1"/>
    <xf numFmtId="0" fontId="4" fillId="2" borderId="4" xfId="0" applyFont="1" applyFill="1" applyBorder="1" applyAlignment="1">
      <alignment horizontal="center" vertical="top" wrapText="1"/>
    </xf>
    <xf numFmtId="0" fontId="4" fillId="2" borderId="5" xfId="0" applyFont="1" applyFill="1" applyBorder="1" applyAlignment="1">
      <alignment horizontal="center" vertical="top" wrapText="1"/>
    </xf>
    <xf numFmtId="0" fontId="4" fillId="2" borderId="6" xfId="0" applyFont="1" applyFill="1" applyBorder="1" applyAlignment="1">
      <alignment horizontal="center" vertical="top" wrapText="1"/>
    </xf>
  </cellXfs>
  <cellStyles count="1">
    <cellStyle name="Normal" xfId="0" builtinId="0"/>
  </cellStyles>
  <dxfs count="0"/>
  <tableStyles count="1" defaultTableStyle="TableStyleMedium2" defaultPivotStyle="PivotStyleLight16">
    <tableStyle name="Invisible" pivot="0" table="0" count="0" xr9:uid="{2E7F483B-2B08-4B49-B71B-F58BD2F7393B}"/>
  </tableStyle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EE942774-4FA8-4DB9-ACB7-61C81F9E1DC2}">
  <dimension ref="A1:C254"/>
  <sheetViews>
    <sheetView tabSelected="1" workbookViewId="0">
      <selection activeCell="E10" sqref="E10"/>
    </sheetView>
  </sheetViews>
  <sheetFormatPr defaultRowHeight="14.25" x14ac:dyDescent="0.2"/>
  <cols>
    <col min="1" max="1" width="32.375" style="3" bestFit="1" customWidth="1"/>
    <col min="2" max="2" width="8.25" style="3" customWidth="1"/>
    <col min="3" max="3" width="20.125" style="3" customWidth="1"/>
    <col min="4" max="16384" width="9" style="3"/>
  </cols>
  <sheetData>
    <row r="1" spans="1:3" ht="15" x14ac:dyDescent="0.25">
      <c r="A1" s="1" t="s">
        <v>352</v>
      </c>
      <c r="B1" s="1"/>
      <c r="C1" s="1"/>
    </row>
    <row r="2" spans="1:3" ht="15" thickBot="1" x14ac:dyDescent="0.25"/>
    <row r="3" spans="1:3" ht="30.75" thickBot="1" x14ac:dyDescent="0.25">
      <c r="A3" s="9" t="s">
        <v>359</v>
      </c>
      <c r="B3" s="10" t="s">
        <v>1</v>
      </c>
      <c r="C3" s="11" t="s">
        <v>0</v>
      </c>
    </row>
    <row r="4" spans="1:3" x14ac:dyDescent="0.2">
      <c r="A4" s="7" t="s">
        <v>2</v>
      </c>
      <c r="B4" s="7" t="s">
        <v>3</v>
      </c>
      <c r="C4" s="7" t="s">
        <v>4</v>
      </c>
    </row>
    <row r="5" spans="1:3" x14ac:dyDescent="0.2">
      <c r="A5" s="4" t="s">
        <v>5</v>
      </c>
      <c r="B5" s="4" t="s">
        <v>6</v>
      </c>
      <c r="C5" s="4" t="s">
        <v>7</v>
      </c>
    </row>
    <row r="6" spans="1:3" x14ac:dyDescent="0.2">
      <c r="A6" s="4" t="s">
        <v>8</v>
      </c>
      <c r="B6" s="4" t="s">
        <v>3</v>
      </c>
      <c r="C6" s="4" t="s">
        <v>9</v>
      </c>
    </row>
    <row r="7" spans="1:3" x14ac:dyDescent="0.2">
      <c r="A7" s="4" t="s">
        <v>10</v>
      </c>
      <c r="B7" s="4" t="s">
        <v>11</v>
      </c>
      <c r="C7" s="4" t="s">
        <v>12</v>
      </c>
    </row>
    <row r="8" spans="1:3" x14ac:dyDescent="0.2">
      <c r="A8" s="4" t="s">
        <v>13</v>
      </c>
      <c r="B8" s="4" t="s">
        <v>14</v>
      </c>
      <c r="C8" s="4" t="s">
        <v>15</v>
      </c>
    </row>
    <row r="9" spans="1:3" x14ac:dyDescent="0.2">
      <c r="A9" s="4" t="s">
        <v>16</v>
      </c>
      <c r="B9" s="4" t="s">
        <v>14</v>
      </c>
      <c r="C9" s="4" t="s">
        <v>17</v>
      </c>
    </row>
    <row r="10" spans="1:3" x14ac:dyDescent="0.2">
      <c r="A10" s="4" t="s">
        <v>18</v>
      </c>
      <c r="B10" s="4" t="s">
        <v>3</v>
      </c>
      <c r="C10" s="4" t="s">
        <v>19</v>
      </c>
    </row>
    <row r="11" spans="1:3" x14ac:dyDescent="0.2">
      <c r="A11" s="4" t="s">
        <v>20</v>
      </c>
      <c r="B11" s="4" t="s">
        <v>11</v>
      </c>
      <c r="C11" s="4" t="s">
        <v>21</v>
      </c>
    </row>
    <row r="12" spans="1:3" x14ac:dyDescent="0.2">
      <c r="A12" s="4" t="s">
        <v>22</v>
      </c>
      <c r="B12" s="4" t="s">
        <v>6</v>
      </c>
      <c r="C12" s="4" t="s">
        <v>23</v>
      </c>
    </row>
    <row r="13" spans="1:3" ht="28.5" x14ac:dyDescent="0.2">
      <c r="A13" s="4" t="s">
        <v>24</v>
      </c>
      <c r="B13" s="4" t="s">
        <v>14</v>
      </c>
      <c r="C13" s="5" t="s">
        <v>353</v>
      </c>
    </row>
    <row r="14" spans="1:3" x14ac:dyDescent="0.2">
      <c r="A14" s="2" t="s">
        <v>25</v>
      </c>
      <c r="B14" s="2" t="s">
        <v>14</v>
      </c>
      <c r="C14" s="2" t="s">
        <v>26</v>
      </c>
    </row>
    <row r="15" spans="1:3" x14ac:dyDescent="0.2">
      <c r="A15" s="4" t="s">
        <v>27</v>
      </c>
      <c r="B15" s="4" t="s">
        <v>6</v>
      </c>
      <c r="C15" s="4" t="s">
        <v>28</v>
      </c>
    </row>
    <row r="16" spans="1:3" x14ac:dyDescent="0.2">
      <c r="A16" s="4" t="s">
        <v>29</v>
      </c>
      <c r="B16" s="4" t="s">
        <v>11</v>
      </c>
      <c r="C16" s="4" t="s">
        <v>30</v>
      </c>
    </row>
    <row r="17" spans="1:3" x14ac:dyDescent="0.2">
      <c r="A17" s="4" t="s">
        <v>31</v>
      </c>
      <c r="B17" s="4" t="s">
        <v>11</v>
      </c>
      <c r="C17" s="4" t="s">
        <v>32</v>
      </c>
    </row>
    <row r="18" spans="1:3" x14ac:dyDescent="0.2">
      <c r="A18" s="4" t="s">
        <v>33</v>
      </c>
      <c r="B18" s="4" t="s">
        <v>3</v>
      </c>
      <c r="C18" s="4" t="s">
        <v>34</v>
      </c>
    </row>
    <row r="19" spans="1:3" x14ac:dyDescent="0.2">
      <c r="A19" s="4" t="s">
        <v>35</v>
      </c>
      <c r="B19" s="4" t="s">
        <v>36</v>
      </c>
      <c r="C19" s="4" t="s">
        <v>37</v>
      </c>
    </row>
    <row r="20" spans="1:3" x14ac:dyDescent="0.2">
      <c r="A20" s="4" t="s">
        <v>38</v>
      </c>
      <c r="B20" s="4" t="s">
        <v>3</v>
      </c>
      <c r="C20" s="4" t="s">
        <v>39</v>
      </c>
    </row>
    <row r="21" spans="1:3" x14ac:dyDescent="0.2">
      <c r="A21" s="4" t="s">
        <v>40</v>
      </c>
      <c r="B21" s="4" t="s">
        <v>6</v>
      </c>
      <c r="C21" s="4" t="s">
        <v>7</v>
      </c>
    </row>
    <row r="22" spans="1:3" x14ac:dyDescent="0.2">
      <c r="A22" s="4" t="s">
        <v>41</v>
      </c>
      <c r="B22" s="4" t="s">
        <v>11</v>
      </c>
      <c r="C22" s="4" t="s">
        <v>42</v>
      </c>
    </row>
    <row r="23" spans="1:3" x14ac:dyDescent="0.2">
      <c r="A23" s="4" t="s">
        <v>43</v>
      </c>
      <c r="B23" s="4" t="s">
        <v>11</v>
      </c>
      <c r="C23" s="4" t="s">
        <v>44</v>
      </c>
    </row>
    <row r="24" spans="1:3" x14ac:dyDescent="0.2">
      <c r="A24" s="4" t="s">
        <v>45</v>
      </c>
      <c r="B24" s="4" t="s">
        <v>3</v>
      </c>
      <c r="C24" s="4" t="s">
        <v>39</v>
      </c>
    </row>
    <row r="25" spans="1:3" x14ac:dyDescent="0.2">
      <c r="A25" s="4" t="s">
        <v>46</v>
      </c>
      <c r="B25" s="4" t="s">
        <v>3</v>
      </c>
      <c r="C25" s="4" t="s">
        <v>9</v>
      </c>
    </row>
    <row r="26" spans="1:3" x14ac:dyDescent="0.2">
      <c r="A26" s="4" t="s">
        <v>46</v>
      </c>
      <c r="B26" s="4" t="s">
        <v>3</v>
      </c>
      <c r="C26" s="4" t="s">
        <v>9</v>
      </c>
    </row>
    <row r="27" spans="1:3" x14ac:dyDescent="0.2">
      <c r="A27" s="4" t="s">
        <v>47</v>
      </c>
      <c r="B27" s="4" t="s">
        <v>14</v>
      </c>
      <c r="C27" s="4" t="s">
        <v>48</v>
      </c>
    </row>
    <row r="28" spans="1:3" x14ac:dyDescent="0.2">
      <c r="A28" s="4" t="s">
        <v>49</v>
      </c>
      <c r="B28" s="4" t="s">
        <v>36</v>
      </c>
      <c r="C28" s="4" t="s">
        <v>50</v>
      </c>
    </row>
    <row r="29" spans="1:3" x14ac:dyDescent="0.2">
      <c r="A29" s="4" t="s">
        <v>51</v>
      </c>
      <c r="B29" s="4" t="s">
        <v>11</v>
      </c>
      <c r="C29" s="4" t="s">
        <v>52</v>
      </c>
    </row>
    <row r="30" spans="1:3" x14ac:dyDescent="0.2">
      <c r="A30" s="4" t="s">
        <v>53</v>
      </c>
      <c r="B30" s="4" t="s">
        <v>3</v>
      </c>
      <c r="C30" s="4" t="s">
        <v>39</v>
      </c>
    </row>
    <row r="31" spans="1:3" x14ac:dyDescent="0.2">
      <c r="A31" s="4" t="s">
        <v>54</v>
      </c>
      <c r="B31" s="4" t="s">
        <v>55</v>
      </c>
      <c r="C31" s="4" t="s">
        <v>56</v>
      </c>
    </row>
    <row r="32" spans="1:3" x14ac:dyDescent="0.2">
      <c r="A32" s="4" t="s">
        <v>57</v>
      </c>
      <c r="B32" s="4" t="s">
        <v>11</v>
      </c>
      <c r="C32" s="4" t="s">
        <v>30</v>
      </c>
    </row>
    <row r="33" spans="1:3" x14ac:dyDescent="0.2">
      <c r="A33" s="6" t="s">
        <v>58</v>
      </c>
      <c r="B33" s="4" t="s">
        <v>11</v>
      </c>
      <c r="C33" s="4" t="s">
        <v>59</v>
      </c>
    </row>
    <row r="34" spans="1:3" x14ac:dyDescent="0.2">
      <c r="A34" s="4" t="s">
        <v>60</v>
      </c>
      <c r="B34" s="4" t="s">
        <v>11</v>
      </c>
      <c r="C34" s="4" t="s">
        <v>61</v>
      </c>
    </row>
    <row r="35" spans="1:3" x14ac:dyDescent="0.2">
      <c r="A35" s="4" t="s">
        <v>62</v>
      </c>
      <c r="B35" s="4" t="s">
        <v>11</v>
      </c>
      <c r="C35" s="4" t="s">
        <v>21</v>
      </c>
    </row>
    <row r="36" spans="1:3" x14ac:dyDescent="0.2">
      <c r="A36" s="4" t="s">
        <v>63</v>
      </c>
      <c r="B36" s="4" t="s">
        <v>3</v>
      </c>
      <c r="C36" s="4" t="s">
        <v>64</v>
      </c>
    </row>
    <row r="37" spans="1:3" x14ac:dyDescent="0.2">
      <c r="A37" s="4" t="s">
        <v>65</v>
      </c>
      <c r="B37" s="4" t="s">
        <v>6</v>
      </c>
      <c r="C37" s="4" t="s">
        <v>28</v>
      </c>
    </row>
    <row r="38" spans="1:3" x14ac:dyDescent="0.2">
      <c r="A38" s="4" t="s">
        <v>66</v>
      </c>
      <c r="B38" s="4" t="s">
        <v>36</v>
      </c>
      <c r="C38" s="4" t="s">
        <v>37</v>
      </c>
    </row>
    <row r="39" spans="1:3" x14ac:dyDescent="0.2">
      <c r="A39" s="4" t="s">
        <v>67</v>
      </c>
      <c r="B39" s="4" t="s">
        <v>14</v>
      </c>
      <c r="C39" s="4" t="s">
        <v>68</v>
      </c>
    </row>
    <row r="40" spans="1:3" x14ac:dyDescent="0.2">
      <c r="A40" s="4" t="s">
        <v>69</v>
      </c>
      <c r="B40" s="4" t="s">
        <v>6</v>
      </c>
      <c r="C40" s="4" t="s">
        <v>70</v>
      </c>
    </row>
    <row r="41" spans="1:3" x14ac:dyDescent="0.2">
      <c r="A41" s="4" t="s">
        <v>71</v>
      </c>
      <c r="B41" s="4" t="s">
        <v>6</v>
      </c>
      <c r="C41" s="4" t="s">
        <v>72</v>
      </c>
    </row>
    <row r="42" spans="1:3" x14ac:dyDescent="0.2">
      <c r="A42" s="4" t="s">
        <v>73</v>
      </c>
      <c r="B42" s="4" t="s">
        <v>11</v>
      </c>
      <c r="C42" s="4" t="s">
        <v>74</v>
      </c>
    </row>
    <row r="43" spans="1:3" x14ac:dyDescent="0.2">
      <c r="A43" s="4" t="s">
        <v>75</v>
      </c>
      <c r="B43" s="4" t="s">
        <v>11</v>
      </c>
      <c r="C43" s="4" t="s">
        <v>76</v>
      </c>
    </row>
    <row r="44" spans="1:3" x14ac:dyDescent="0.2">
      <c r="A44" s="4" t="s">
        <v>77</v>
      </c>
      <c r="B44" s="4" t="s">
        <v>3</v>
      </c>
      <c r="C44" s="4" t="s">
        <v>78</v>
      </c>
    </row>
    <row r="45" spans="1:3" x14ac:dyDescent="0.2">
      <c r="A45" s="4" t="s">
        <v>79</v>
      </c>
      <c r="B45" s="4" t="s">
        <v>11</v>
      </c>
      <c r="C45" s="4" t="s">
        <v>80</v>
      </c>
    </row>
    <row r="46" spans="1:3" x14ac:dyDescent="0.2">
      <c r="A46" s="4" t="s">
        <v>81</v>
      </c>
      <c r="B46" s="4" t="s">
        <v>11</v>
      </c>
      <c r="C46" s="4" t="s">
        <v>52</v>
      </c>
    </row>
    <row r="47" spans="1:3" x14ac:dyDescent="0.2">
      <c r="A47" s="4" t="s">
        <v>82</v>
      </c>
      <c r="B47" s="4" t="s">
        <v>6</v>
      </c>
      <c r="C47" s="4" t="s">
        <v>83</v>
      </c>
    </row>
    <row r="48" spans="1:3" x14ac:dyDescent="0.2">
      <c r="A48" s="4" t="s">
        <v>84</v>
      </c>
      <c r="B48" s="4" t="s">
        <v>36</v>
      </c>
      <c r="C48" s="4" t="s">
        <v>85</v>
      </c>
    </row>
    <row r="49" spans="1:3" x14ac:dyDescent="0.2">
      <c r="A49" s="4" t="s">
        <v>86</v>
      </c>
      <c r="B49" s="4" t="s">
        <v>11</v>
      </c>
      <c r="C49" s="4" t="s">
        <v>87</v>
      </c>
    </row>
    <row r="50" spans="1:3" x14ac:dyDescent="0.2">
      <c r="A50" s="4" t="s">
        <v>88</v>
      </c>
      <c r="B50" s="4" t="s">
        <v>14</v>
      </c>
      <c r="C50" s="4" t="s">
        <v>89</v>
      </c>
    </row>
    <row r="51" spans="1:3" x14ac:dyDescent="0.2">
      <c r="A51" s="4" t="s">
        <v>90</v>
      </c>
      <c r="B51" s="4" t="s">
        <v>11</v>
      </c>
      <c r="C51" s="4" t="s">
        <v>91</v>
      </c>
    </row>
    <row r="52" spans="1:3" x14ac:dyDescent="0.2">
      <c r="A52" s="4" t="s">
        <v>92</v>
      </c>
      <c r="B52" s="4" t="s">
        <v>11</v>
      </c>
      <c r="C52" s="4" t="s">
        <v>93</v>
      </c>
    </row>
    <row r="53" spans="1:3" x14ac:dyDescent="0.2">
      <c r="A53" s="4" t="s">
        <v>94</v>
      </c>
      <c r="B53" s="4" t="s">
        <v>3</v>
      </c>
      <c r="C53" s="4" t="s">
        <v>19</v>
      </c>
    </row>
    <row r="54" spans="1:3" x14ac:dyDescent="0.2">
      <c r="A54" s="4" t="s">
        <v>95</v>
      </c>
      <c r="B54" s="4" t="s">
        <v>55</v>
      </c>
      <c r="C54" s="4" t="s">
        <v>96</v>
      </c>
    </row>
    <row r="55" spans="1:3" x14ac:dyDescent="0.2">
      <c r="A55" s="4" t="s">
        <v>354</v>
      </c>
      <c r="B55" s="4" t="s">
        <v>36</v>
      </c>
      <c r="C55" s="4" t="s">
        <v>97</v>
      </c>
    </row>
    <row r="56" spans="1:3" x14ac:dyDescent="0.2">
      <c r="A56" s="4" t="s">
        <v>98</v>
      </c>
      <c r="B56" s="4" t="s">
        <v>3</v>
      </c>
      <c r="C56" s="4" t="s">
        <v>99</v>
      </c>
    </row>
    <row r="57" spans="1:3" x14ac:dyDescent="0.2">
      <c r="A57" s="4" t="s">
        <v>355</v>
      </c>
      <c r="B57" s="4" t="s">
        <v>3</v>
      </c>
      <c r="C57" s="4" t="s">
        <v>34</v>
      </c>
    </row>
    <row r="58" spans="1:3" x14ac:dyDescent="0.2">
      <c r="A58" s="4" t="s">
        <v>100</v>
      </c>
      <c r="B58" s="4" t="s">
        <v>3</v>
      </c>
      <c r="C58" s="4" t="s">
        <v>101</v>
      </c>
    </row>
    <row r="59" spans="1:3" x14ac:dyDescent="0.2">
      <c r="A59" s="4" t="s">
        <v>356</v>
      </c>
      <c r="B59" s="4" t="s">
        <v>55</v>
      </c>
      <c r="C59" s="4" t="s">
        <v>56</v>
      </c>
    </row>
    <row r="60" spans="1:3" x14ac:dyDescent="0.2">
      <c r="A60" s="4" t="s">
        <v>102</v>
      </c>
      <c r="B60" s="4" t="s">
        <v>55</v>
      </c>
      <c r="C60" s="4" t="s">
        <v>103</v>
      </c>
    </row>
    <row r="61" spans="1:3" x14ac:dyDescent="0.2">
      <c r="A61" s="4" t="s">
        <v>357</v>
      </c>
      <c r="B61" s="4" t="s">
        <v>3</v>
      </c>
      <c r="C61" s="4" t="s">
        <v>104</v>
      </c>
    </row>
    <row r="62" spans="1:3" x14ac:dyDescent="0.2">
      <c r="A62" s="4" t="s">
        <v>105</v>
      </c>
      <c r="B62" s="4" t="s">
        <v>14</v>
      </c>
      <c r="C62" s="4" t="s">
        <v>106</v>
      </c>
    </row>
    <row r="63" spans="1:3" x14ac:dyDescent="0.2">
      <c r="A63" s="4" t="s">
        <v>107</v>
      </c>
      <c r="B63" s="4" t="s">
        <v>11</v>
      </c>
      <c r="C63" s="4" t="s">
        <v>108</v>
      </c>
    </row>
    <row r="64" spans="1:3" x14ac:dyDescent="0.2">
      <c r="A64" s="4" t="s">
        <v>109</v>
      </c>
      <c r="B64" s="4" t="s">
        <v>55</v>
      </c>
      <c r="C64" s="4" t="s">
        <v>110</v>
      </c>
    </row>
    <row r="65" spans="1:3" x14ac:dyDescent="0.2">
      <c r="A65" s="4" t="s">
        <v>111</v>
      </c>
      <c r="B65" s="4" t="s">
        <v>14</v>
      </c>
      <c r="C65" s="4" t="s">
        <v>106</v>
      </c>
    </row>
    <row r="66" spans="1:3" x14ac:dyDescent="0.2">
      <c r="A66" s="4" t="s">
        <v>112</v>
      </c>
      <c r="B66" s="4" t="s">
        <v>11</v>
      </c>
      <c r="C66" s="4" t="s">
        <v>113</v>
      </c>
    </row>
    <row r="67" spans="1:3" x14ac:dyDescent="0.2">
      <c r="A67" s="4" t="s">
        <v>114</v>
      </c>
      <c r="B67" s="4" t="s">
        <v>11</v>
      </c>
      <c r="C67" s="4" t="s">
        <v>115</v>
      </c>
    </row>
    <row r="68" spans="1:3" x14ac:dyDescent="0.2">
      <c r="A68" s="4" t="s">
        <v>116</v>
      </c>
      <c r="B68" s="4" t="s">
        <v>11</v>
      </c>
      <c r="C68" s="4" t="s">
        <v>117</v>
      </c>
    </row>
    <row r="69" spans="1:3" x14ac:dyDescent="0.2">
      <c r="A69" s="4" t="s">
        <v>118</v>
      </c>
      <c r="B69" s="4" t="s">
        <v>11</v>
      </c>
      <c r="C69" s="4" t="s">
        <v>119</v>
      </c>
    </row>
    <row r="70" spans="1:3" x14ac:dyDescent="0.2">
      <c r="A70" s="4" t="s">
        <v>120</v>
      </c>
      <c r="B70" s="4" t="s">
        <v>6</v>
      </c>
      <c r="C70" s="4" t="s">
        <v>7</v>
      </c>
    </row>
    <row r="71" spans="1:3" x14ac:dyDescent="0.2">
      <c r="A71" s="4" t="s">
        <v>121</v>
      </c>
      <c r="B71" s="4" t="s">
        <v>14</v>
      </c>
      <c r="C71" s="4" t="s">
        <v>122</v>
      </c>
    </row>
    <row r="72" spans="1:3" x14ac:dyDescent="0.2">
      <c r="A72" s="4" t="s">
        <v>123</v>
      </c>
      <c r="B72" s="4" t="s">
        <v>14</v>
      </c>
      <c r="C72" s="4" t="s">
        <v>124</v>
      </c>
    </row>
    <row r="73" spans="1:3" x14ac:dyDescent="0.2">
      <c r="A73" s="4" t="s">
        <v>125</v>
      </c>
      <c r="B73" s="4" t="s">
        <v>11</v>
      </c>
      <c r="C73" s="4" t="s">
        <v>126</v>
      </c>
    </row>
    <row r="74" spans="1:3" x14ac:dyDescent="0.2">
      <c r="A74" s="4" t="s">
        <v>127</v>
      </c>
      <c r="B74" s="4" t="s">
        <v>14</v>
      </c>
      <c r="C74" s="4" t="s">
        <v>128</v>
      </c>
    </row>
    <row r="75" spans="1:3" x14ac:dyDescent="0.2">
      <c r="A75" s="4" t="s">
        <v>129</v>
      </c>
      <c r="B75" s="4" t="s">
        <v>3</v>
      </c>
      <c r="C75" s="4" t="s">
        <v>130</v>
      </c>
    </row>
    <row r="76" spans="1:3" x14ac:dyDescent="0.2">
      <c r="A76" s="4" t="s">
        <v>131</v>
      </c>
      <c r="B76" s="4" t="s">
        <v>3</v>
      </c>
      <c r="C76" s="4" t="s">
        <v>132</v>
      </c>
    </row>
    <row r="77" spans="1:3" x14ac:dyDescent="0.2">
      <c r="A77" s="4" t="s">
        <v>133</v>
      </c>
      <c r="B77" s="4" t="s">
        <v>3</v>
      </c>
      <c r="C77" s="4" t="s">
        <v>134</v>
      </c>
    </row>
    <row r="78" spans="1:3" ht="28.5" x14ac:dyDescent="0.2">
      <c r="A78" s="4" t="s">
        <v>135</v>
      </c>
      <c r="B78" s="4" t="s">
        <v>14</v>
      </c>
      <c r="C78" s="5" t="s">
        <v>358</v>
      </c>
    </row>
    <row r="79" spans="1:3" x14ac:dyDescent="0.2">
      <c r="A79" s="4" t="s">
        <v>136</v>
      </c>
      <c r="B79" s="4" t="s">
        <v>36</v>
      </c>
      <c r="C79" s="4" t="s">
        <v>137</v>
      </c>
    </row>
    <row r="80" spans="1:3" x14ac:dyDescent="0.2">
      <c r="A80" s="4" t="s">
        <v>138</v>
      </c>
      <c r="B80" s="4" t="s">
        <v>11</v>
      </c>
      <c r="C80" s="4" t="s">
        <v>44</v>
      </c>
    </row>
    <row r="81" spans="1:3" x14ac:dyDescent="0.2">
      <c r="A81" s="4" t="s">
        <v>139</v>
      </c>
      <c r="B81" s="4" t="s">
        <v>55</v>
      </c>
      <c r="C81" s="4" t="s">
        <v>140</v>
      </c>
    </row>
    <row r="82" spans="1:3" x14ac:dyDescent="0.2">
      <c r="A82" s="4" t="s">
        <v>141</v>
      </c>
      <c r="B82" s="4" t="s">
        <v>14</v>
      </c>
      <c r="C82" s="4" t="s">
        <v>142</v>
      </c>
    </row>
    <row r="83" spans="1:3" x14ac:dyDescent="0.2">
      <c r="A83" s="4" t="s">
        <v>143</v>
      </c>
      <c r="B83" s="4" t="s">
        <v>11</v>
      </c>
      <c r="C83" s="4" t="s">
        <v>32</v>
      </c>
    </row>
    <row r="84" spans="1:3" x14ac:dyDescent="0.2">
      <c r="A84" s="4" t="s">
        <v>144</v>
      </c>
      <c r="B84" s="4" t="s">
        <v>3</v>
      </c>
      <c r="C84" s="4" t="s">
        <v>101</v>
      </c>
    </row>
    <row r="85" spans="1:3" x14ac:dyDescent="0.2">
      <c r="A85" s="4" t="s">
        <v>145</v>
      </c>
      <c r="B85" s="4" t="s">
        <v>36</v>
      </c>
      <c r="C85" s="4" t="s">
        <v>85</v>
      </c>
    </row>
    <row r="86" spans="1:3" x14ac:dyDescent="0.2">
      <c r="A86" s="4" t="s">
        <v>146</v>
      </c>
      <c r="B86" s="4" t="s">
        <v>11</v>
      </c>
      <c r="C86" s="4" t="s">
        <v>59</v>
      </c>
    </row>
    <row r="87" spans="1:3" x14ac:dyDescent="0.2">
      <c r="A87" s="4" t="s">
        <v>147</v>
      </c>
      <c r="B87" s="4" t="s">
        <v>11</v>
      </c>
      <c r="C87" s="4" t="s">
        <v>12</v>
      </c>
    </row>
    <row r="88" spans="1:3" x14ac:dyDescent="0.2">
      <c r="A88" s="4" t="s">
        <v>148</v>
      </c>
      <c r="B88" s="4" t="s">
        <v>11</v>
      </c>
      <c r="C88" s="4" t="s">
        <v>61</v>
      </c>
    </row>
    <row r="89" spans="1:3" x14ac:dyDescent="0.2">
      <c r="A89" s="4" t="s">
        <v>149</v>
      </c>
      <c r="B89" s="4" t="s">
        <v>3</v>
      </c>
      <c r="C89" s="4" t="s">
        <v>150</v>
      </c>
    </row>
    <row r="90" spans="1:3" x14ac:dyDescent="0.2">
      <c r="A90" s="4" t="s">
        <v>151</v>
      </c>
      <c r="B90" s="4" t="s">
        <v>14</v>
      </c>
      <c r="C90" s="4" t="s">
        <v>17</v>
      </c>
    </row>
    <row r="91" spans="1:3" x14ac:dyDescent="0.2">
      <c r="A91" s="4" t="s">
        <v>152</v>
      </c>
      <c r="B91" s="4" t="s">
        <v>11</v>
      </c>
      <c r="C91" s="4" t="s">
        <v>59</v>
      </c>
    </row>
    <row r="92" spans="1:3" x14ac:dyDescent="0.2">
      <c r="A92" s="4" t="s">
        <v>153</v>
      </c>
      <c r="B92" s="4" t="s">
        <v>3</v>
      </c>
      <c r="C92" s="4" t="s">
        <v>34</v>
      </c>
    </row>
    <row r="93" spans="1:3" x14ac:dyDescent="0.2">
      <c r="A93" s="4" t="s">
        <v>154</v>
      </c>
      <c r="B93" s="4" t="s">
        <v>3</v>
      </c>
      <c r="C93" s="4" t="s">
        <v>64</v>
      </c>
    </row>
    <row r="94" spans="1:3" x14ac:dyDescent="0.2">
      <c r="A94" s="4" t="s">
        <v>155</v>
      </c>
      <c r="B94" s="4" t="s">
        <v>36</v>
      </c>
      <c r="C94" s="4" t="s">
        <v>156</v>
      </c>
    </row>
    <row r="95" spans="1:3" x14ac:dyDescent="0.2">
      <c r="A95" s="4" t="s">
        <v>157</v>
      </c>
      <c r="B95" s="4" t="s">
        <v>36</v>
      </c>
      <c r="C95" s="4" t="s">
        <v>158</v>
      </c>
    </row>
    <row r="96" spans="1:3" x14ac:dyDescent="0.2">
      <c r="A96" s="4" t="s">
        <v>159</v>
      </c>
      <c r="B96" s="4" t="s">
        <v>14</v>
      </c>
      <c r="C96" s="4" t="s">
        <v>15</v>
      </c>
    </row>
    <row r="97" spans="1:3" x14ac:dyDescent="0.2">
      <c r="A97" s="4" t="s">
        <v>160</v>
      </c>
      <c r="B97" s="4" t="s">
        <v>6</v>
      </c>
      <c r="C97" s="4" t="s">
        <v>72</v>
      </c>
    </row>
    <row r="98" spans="1:3" x14ac:dyDescent="0.2">
      <c r="A98" s="4" t="s">
        <v>161</v>
      </c>
      <c r="B98" s="4" t="s">
        <v>3</v>
      </c>
      <c r="C98" s="4" t="s">
        <v>162</v>
      </c>
    </row>
    <row r="99" spans="1:3" x14ac:dyDescent="0.2">
      <c r="A99" s="4" t="s">
        <v>163</v>
      </c>
      <c r="B99" s="4" t="s">
        <v>11</v>
      </c>
      <c r="C99" s="4" t="s">
        <v>108</v>
      </c>
    </row>
    <row r="100" spans="1:3" x14ac:dyDescent="0.2">
      <c r="A100" s="4" t="s">
        <v>164</v>
      </c>
      <c r="B100" s="4" t="s">
        <v>14</v>
      </c>
      <c r="C100" s="4" t="s">
        <v>122</v>
      </c>
    </row>
    <row r="101" spans="1:3" x14ac:dyDescent="0.2">
      <c r="A101" s="4" t="s">
        <v>165</v>
      </c>
      <c r="B101" s="4" t="s">
        <v>3</v>
      </c>
      <c r="C101" s="4" t="s">
        <v>19</v>
      </c>
    </row>
    <row r="102" spans="1:3" x14ac:dyDescent="0.2">
      <c r="A102" s="4" t="s">
        <v>166</v>
      </c>
      <c r="B102" s="4" t="s">
        <v>3</v>
      </c>
      <c r="C102" s="4" t="s">
        <v>167</v>
      </c>
    </row>
    <row r="103" spans="1:3" x14ac:dyDescent="0.2">
      <c r="A103" s="7" t="s">
        <v>168</v>
      </c>
      <c r="B103" s="7" t="s">
        <v>14</v>
      </c>
      <c r="C103" s="4" t="s">
        <v>169</v>
      </c>
    </row>
    <row r="104" spans="1:3" x14ac:dyDescent="0.2">
      <c r="A104" s="4" t="s">
        <v>170</v>
      </c>
      <c r="B104" s="4" t="s">
        <v>14</v>
      </c>
      <c r="C104" s="4" t="s">
        <v>169</v>
      </c>
    </row>
    <row r="105" spans="1:3" x14ac:dyDescent="0.2">
      <c r="A105" s="4" t="s">
        <v>171</v>
      </c>
      <c r="B105" s="4" t="s">
        <v>3</v>
      </c>
      <c r="C105" s="4" t="s">
        <v>134</v>
      </c>
    </row>
    <row r="106" spans="1:3" x14ac:dyDescent="0.2">
      <c r="A106" s="4" t="s">
        <v>172</v>
      </c>
      <c r="B106" s="4" t="s">
        <v>11</v>
      </c>
      <c r="C106" s="4" t="s">
        <v>21</v>
      </c>
    </row>
    <row r="107" spans="1:3" x14ac:dyDescent="0.2">
      <c r="A107" s="4" t="s">
        <v>173</v>
      </c>
      <c r="B107" s="4" t="s">
        <v>14</v>
      </c>
      <c r="C107" s="4" t="s">
        <v>174</v>
      </c>
    </row>
    <row r="108" spans="1:3" x14ac:dyDescent="0.2">
      <c r="A108" s="4" t="s">
        <v>175</v>
      </c>
      <c r="B108" s="4" t="s">
        <v>6</v>
      </c>
      <c r="C108" s="4" t="s">
        <v>176</v>
      </c>
    </row>
    <row r="109" spans="1:3" x14ac:dyDescent="0.2">
      <c r="A109" s="4" t="s">
        <v>177</v>
      </c>
      <c r="B109" s="4" t="s">
        <v>3</v>
      </c>
      <c r="C109" s="4" t="s">
        <v>4</v>
      </c>
    </row>
    <row r="110" spans="1:3" x14ac:dyDescent="0.2">
      <c r="A110" s="4" t="s">
        <v>178</v>
      </c>
      <c r="B110" s="4" t="s">
        <v>6</v>
      </c>
      <c r="C110" s="4" t="s">
        <v>23</v>
      </c>
    </row>
    <row r="111" spans="1:3" x14ac:dyDescent="0.2">
      <c r="A111" s="4" t="s">
        <v>179</v>
      </c>
      <c r="B111" s="4" t="s">
        <v>36</v>
      </c>
      <c r="C111" s="4" t="s">
        <v>97</v>
      </c>
    </row>
    <row r="112" spans="1:3" x14ac:dyDescent="0.2">
      <c r="A112" s="4" t="s">
        <v>180</v>
      </c>
      <c r="B112" s="4" t="s">
        <v>6</v>
      </c>
      <c r="C112" s="4" t="s">
        <v>181</v>
      </c>
    </row>
    <row r="113" spans="1:3" x14ac:dyDescent="0.2">
      <c r="A113" s="4" t="s">
        <v>182</v>
      </c>
      <c r="B113" s="4" t="s">
        <v>11</v>
      </c>
      <c r="C113" s="4" t="s">
        <v>183</v>
      </c>
    </row>
    <row r="114" spans="1:3" x14ac:dyDescent="0.2">
      <c r="A114" s="4" t="s">
        <v>184</v>
      </c>
      <c r="B114" s="4" t="s">
        <v>11</v>
      </c>
      <c r="C114" s="4" t="s">
        <v>185</v>
      </c>
    </row>
    <row r="115" spans="1:3" x14ac:dyDescent="0.2">
      <c r="A115" s="4" t="s">
        <v>186</v>
      </c>
      <c r="B115" s="4" t="s">
        <v>3</v>
      </c>
      <c r="C115" s="4" t="s">
        <v>78</v>
      </c>
    </row>
    <row r="116" spans="1:3" x14ac:dyDescent="0.2">
      <c r="A116" s="4" t="s">
        <v>187</v>
      </c>
      <c r="B116" s="4" t="s">
        <v>14</v>
      </c>
      <c r="C116" s="4" t="s">
        <v>122</v>
      </c>
    </row>
    <row r="117" spans="1:3" x14ac:dyDescent="0.2">
      <c r="A117" s="4" t="s">
        <v>188</v>
      </c>
      <c r="B117" s="4" t="s">
        <v>6</v>
      </c>
      <c r="C117" s="4" t="s">
        <v>181</v>
      </c>
    </row>
    <row r="118" spans="1:3" x14ac:dyDescent="0.2">
      <c r="A118" s="4" t="s">
        <v>189</v>
      </c>
      <c r="B118" s="4" t="s">
        <v>14</v>
      </c>
      <c r="C118" s="4" t="s">
        <v>122</v>
      </c>
    </row>
    <row r="119" spans="1:3" x14ac:dyDescent="0.2">
      <c r="A119" s="4" t="s">
        <v>190</v>
      </c>
      <c r="B119" s="4" t="s">
        <v>11</v>
      </c>
      <c r="C119" s="4" t="s">
        <v>191</v>
      </c>
    </row>
    <row r="120" spans="1:3" x14ac:dyDescent="0.2">
      <c r="A120" s="4" t="s">
        <v>192</v>
      </c>
      <c r="B120" s="4" t="s">
        <v>14</v>
      </c>
      <c r="C120" s="4" t="s">
        <v>193</v>
      </c>
    </row>
    <row r="121" spans="1:3" x14ac:dyDescent="0.2">
      <c r="A121" s="4" t="s">
        <v>194</v>
      </c>
      <c r="B121" s="4" t="s">
        <v>11</v>
      </c>
      <c r="C121" s="4" t="s">
        <v>195</v>
      </c>
    </row>
    <row r="122" spans="1:3" x14ac:dyDescent="0.2">
      <c r="A122" s="4" t="s">
        <v>196</v>
      </c>
      <c r="B122" s="4" t="s">
        <v>11</v>
      </c>
      <c r="C122" s="4" t="s">
        <v>30</v>
      </c>
    </row>
    <row r="123" spans="1:3" x14ac:dyDescent="0.2">
      <c r="A123" s="4" t="s">
        <v>197</v>
      </c>
      <c r="B123" s="4" t="s">
        <v>14</v>
      </c>
      <c r="C123" s="4" t="s">
        <v>198</v>
      </c>
    </row>
    <row r="124" spans="1:3" x14ac:dyDescent="0.2">
      <c r="A124" s="4" t="s">
        <v>199</v>
      </c>
      <c r="B124" s="4" t="s">
        <v>6</v>
      </c>
      <c r="C124" s="4" t="s">
        <v>70</v>
      </c>
    </row>
    <row r="125" spans="1:3" x14ac:dyDescent="0.2">
      <c r="A125" s="4" t="s">
        <v>200</v>
      </c>
      <c r="B125" s="4" t="s">
        <v>11</v>
      </c>
      <c r="C125" s="4" t="s">
        <v>30</v>
      </c>
    </row>
    <row r="126" spans="1:3" x14ac:dyDescent="0.2">
      <c r="A126" s="4" t="s">
        <v>201</v>
      </c>
      <c r="B126" s="4" t="s">
        <v>11</v>
      </c>
      <c r="C126" s="4" t="s">
        <v>52</v>
      </c>
    </row>
    <row r="127" spans="1:3" x14ac:dyDescent="0.2">
      <c r="A127" s="4" t="s">
        <v>202</v>
      </c>
      <c r="B127" s="4" t="s">
        <v>11</v>
      </c>
      <c r="C127" s="4" t="s">
        <v>91</v>
      </c>
    </row>
    <row r="128" spans="1:3" x14ac:dyDescent="0.2">
      <c r="A128" s="4" t="s">
        <v>203</v>
      </c>
      <c r="B128" s="4" t="s">
        <v>6</v>
      </c>
      <c r="C128" s="4" t="s">
        <v>28</v>
      </c>
    </row>
    <row r="129" spans="1:3" x14ac:dyDescent="0.2">
      <c r="A129" s="4" t="s">
        <v>204</v>
      </c>
      <c r="B129" s="4" t="s">
        <v>3</v>
      </c>
      <c r="C129" s="4" t="s">
        <v>104</v>
      </c>
    </row>
    <row r="130" spans="1:3" x14ac:dyDescent="0.2">
      <c r="A130" s="4" t="s">
        <v>205</v>
      </c>
      <c r="B130" s="4" t="s">
        <v>3</v>
      </c>
      <c r="C130" s="4" t="s">
        <v>104</v>
      </c>
    </row>
    <row r="131" spans="1:3" x14ac:dyDescent="0.2">
      <c r="A131" s="4" t="s">
        <v>206</v>
      </c>
      <c r="B131" s="4" t="s">
        <v>11</v>
      </c>
      <c r="C131" s="4" t="s">
        <v>207</v>
      </c>
    </row>
    <row r="132" spans="1:3" x14ac:dyDescent="0.2">
      <c r="A132" s="4" t="s">
        <v>208</v>
      </c>
      <c r="B132" s="4" t="s">
        <v>3</v>
      </c>
      <c r="C132" s="4" t="s">
        <v>209</v>
      </c>
    </row>
    <row r="133" spans="1:3" x14ac:dyDescent="0.2">
      <c r="A133" s="4" t="s">
        <v>210</v>
      </c>
      <c r="B133" s="4" t="s">
        <v>11</v>
      </c>
      <c r="C133" s="4" t="s">
        <v>195</v>
      </c>
    </row>
    <row r="134" spans="1:3" x14ac:dyDescent="0.2">
      <c r="A134" s="4" t="s">
        <v>211</v>
      </c>
      <c r="B134" s="4" t="s">
        <v>3</v>
      </c>
      <c r="C134" s="4" t="s">
        <v>209</v>
      </c>
    </row>
    <row r="135" spans="1:3" x14ac:dyDescent="0.2">
      <c r="A135" s="4" t="s">
        <v>212</v>
      </c>
      <c r="B135" s="4" t="s">
        <v>11</v>
      </c>
      <c r="C135" s="4" t="s">
        <v>213</v>
      </c>
    </row>
    <row r="136" spans="1:3" x14ac:dyDescent="0.2">
      <c r="A136" s="4" t="s">
        <v>214</v>
      </c>
      <c r="B136" s="4" t="s">
        <v>6</v>
      </c>
      <c r="C136" s="4" t="s">
        <v>215</v>
      </c>
    </row>
    <row r="137" spans="1:3" x14ac:dyDescent="0.2">
      <c r="A137" s="4" t="s">
        <v>216</v>
      </c>
      <c r="B137" s="4" t="s">
        <v>14</v>
      </c>
      <c r="C137" s="4" t="s">
        <v>128</v>
      </c>
    </row>
    <row r="138" spans="1:3" x14ac:dyDescent="0.2">
      <c r="A138" s="4" t="s">
        <v>217</v>
      </c>
      <c r="B138" s="4" t="s">
        <v>14</v>
      </c>
      <c r="C138" s="4" t="s">
        <v>106</v>
      </c>
    </row>
    <row r="139" spans="1:3" x14ac:dyDescent="0.2">
      <c r="A139" s="4" t="s">
        <v>218</v>
      </c>
      <c r="B139" s="4" t="s">
        <v>3</v>
      </c>
      <c r="C139" s="4" t="s">
        <v>219</v>
      </c>
    </row>
    <row r="140" spans="1:3" x14ac:dyDescent="0.2">
      <c r="A140" s="4" t="s">
        <v>220</v>
      </c>
      <c r="B140" s="4" t="s">
        <v>3</v>
      </c>
      <c r="C140" s="4" t="s">
        <v>39</v>
      </c>
    </row>
    <row r="141" spans="1:3" x14ac:dyDescent="0.2">
      <c r="A141" s="4" t="s">
        <v>221</v>
      </c>
      <c r="B141" s="4" t="s">
        <v>6</v>
      </c>
      <c r="C141" s="4" t="s">
        <v>7</v>
      </c>
    </row>
    <row r="142" spans="1:3" x14ac:dyDescent="0.2">
      <c r="A142" s="4" t="s">
        <v>222</v>
      </c>
      <c r="B142" s="4" t="s">
        <v>11</v>
      </c>
      <c r="C142" s="4" t="s">
        <v>195</v>
      </c>
    </row>
    <row r="143" spans="1:3" x14ac:dyDescent="0.2">
      <c r="A143" s="4" t="s">
        <v>223</v>
      </c>
      <c r="B143" s="4" t="s">
        <v>11</v>
      </c>
      <c r="C143" s="4" t="s">
        <v>224</v>
      </c>
    </row>
    <row r="144" spans="1:3" x14ac:dyDescent="0.2">
      <c r="A144" s="4" t="s">
        <v>225</v>
      </c>
      <c r="B144" s="4" t="s">
        <v>55</v>
      </c>
      <c r="C144" s="4" t="s">
        <v>110</v>
      </c>
    </row>
    <row r="145" spans="1:3" x14ac:dyDescent="0.2">
      <c r="A145" s="4" t="s">
        <v>226</v>
      </c>
      <c r="B145" s="4" t="s">
        <v>11</v>
      </c>
      <c r="C145" s="4" t="s">
        <v>61</v>
      </c>
    </row>
    <row r="146" spans="1:3" x14ac:dyDescent="0.2">
      <c r="A146" s="4" t="s">
        <v>227</v>
      </c>
      <c r="B146" s="4" t="s">
        <v>14</v>
      </c>
      <c r="C146" s="4" t="s">
        <v>174</v>
      </c>
    </row>
    <row r="147" spans="1:3" x14ac:dyDescent="0.2">
      <c r="A147" s="4" t="s">
        <v>228</v>
      </c>
      <c r="B147" s="4" t="s">
        <v>3</v>
      </c>
      <c r="C147" s="4" t="s">
        <v>219</v>
      </c>
    </row>
    <row r="148" spans="1:3" x14ac:dyDescent="0.2">
      <c r="A148" s="4" t="s">
        <v>229</v>
      </c>
      <c r="B148" s="4" t="s">
        <v>36</v>
      </c>
      <c r="C148" s="4" t="s">
        <v>137</v>
      </c>
    </row>
    <row r="149" spans="1:3" x14ac:dyDescent="0.2">
      <c r="A149" s="4" t="s">
        <v>230</v>
      </c>
      <c r="B149" s="4" t="s">
        <v>11</v>
      </c>
      <c r="C149" s="4" t="s">
        <v>61</v>
      </c>
    </row>
    <row r="150" spans="1:3" x14ac:dyDescent="0.2">
      <c r="A150" s="6" t="s">
        <v>231</v>
      </c>
      <c r="B150" s="4" t="s">
        <v>3</v>
      </c>
      <c r="C150" s="4" t="s">
        <v>130</v>
      </c>
    </row>
    <row r="151" spans="1:3" x14ac:dyDescent="0.2">
      <c r="A151" s="4" t="s">
        <v>232</v>
      </c>
      <c r="B151" s="4" t="s">
        <v>36</v>
      </c>
      <c r="C151" s="4" t="s">
        <v>97</v>
      </c>
    </row>
    <row r="152" spans="1:3" x14ac:dyDescent="0.2">
      <c r="A152" s="4" t="s">
        <v>233</v>
      </c>
      <c r="B152" s="4" t="s">
        <v>14</v>
      </c>
      <c r="C152" s="4" t="s">
        <v>128</v>
      </c>
    </row>
    <row r="153" spans="1:3" x14ac:dyDescent="0.2">
      <c r="A153" s="4" t="s">
        <v>234</v>
      </c>
      <c r="B153" s="4" t="s">
        <v>14</v>
      </c>
      <c r="C153" s="4" t="s">
        <v>15</v>
      </c>
    </row>
    <row r="154" spans="1:3" x14ac:dyDescent="0.2">
      <c r="A154" s="4" t="s">
        <v>235</v>
      </c>
      <c r="B154" s="4" t="s">
        <v>11</v>
      </c>
      <c r="C154" s="4" t="s">
        <v>12</v>
      </c>
    </row>
    <row r="155" spans="1:3" x14ac:dyDescent="0.2">
      <c r="A155" s="4" t="s">
        <v>236</v>
      </c>
      <c r="B155" s="4" t="s">
        <v>55</v>
      </c>
      <c r="C155" s="4" t="s">
        <v>56</v>
      </c>
    </row>
    <row r="156" spans="1:3" x14ac:dyDescent="0.2">
      <c r="A156" s="4" t="s">
        <v>237</v>
      </c>
      <c r="B156" s="4" t="s">
        <v>6</v>
      </c>
      <c r="C156" s="4" t="s">
        <v>28</v>
      </c>
    </row>
    <row r="157" spans="1:3" x14ac:dyDescent="0.2">
      <c r="A157" s="6" t="s">
        <v>238</v>
      </c>
      <c r="B157" s="4" t="s">
        <v>11</v>
      </c>
      <c r="C157" s="4" t="s">
        <v>239</v>
      </c>
    </row>
    <row r="158" spans="1:3" x14ac:dyDescent="0.2">
      <c r="A158" s="4" t="s">
        <v>240</v>
      </c>
      <c r="B158" s="4" t="s">
        <v>11</v>
      </c>
      <c r="C158" s="4" t="s">
        <v>241</v>
      </c>
    </row>
    <row r="159" spans="1:3" x14ac:dyDescent="0.2">
      <c r="A159" s="6" t="s">
        <v>242</v>
      </c>
      <c r="B159" s="4" t="s">
        <v>55</v>
      </c>
      <c r="C159" s="4" t="s">
        <v>110</v>
      </c>
    </row>
    <row r="160" spans="1:3" x14ac:dyDescent="0.2">
      <c r="A160" s="4" t="s">
        <v>243</v>
      </c>
      <c r="B160" s="4" t="s">
        <v>3</v>
      </c>
      <c r="C160" s="4" t="s">
        <v>134</v>
      </c>
    </row>
    <row r="161" spans="1:3" x14ac:dyDescent="0.2">
      <c r="A161" s="4" t="s">
        <v>244</v>
      </c>
      <c r="B161" s="4" t="s">
        <v>11</v>
      </c>
      <c r="C161" s="4" t="s">
        <v>91</v>
      </c>
    </row>
    <row r="162" spans="1:3" x14ac:dyDescent="0.2">
      <c r="A162" s="4" t="s">
        <v>245</v>
      </c>
      <c r="B162" s="4" t="s">
        <v>11</v>
      </c>
      <c r="C162" s="4" t="s">
        <v>91</v>
      </c>
    </row>
    <row r="163" spans="1:3" x14ac:dyDescent="0.2">
      <c r="A163" s="4" t="s">
        <v>246</v>
      </c>
      <c r="B163" s="4" t="s">
        <v>14</v>
      </c>
      <c r="C163" s="4" t="s">
        <v>124</v>
      </c>
    </row>
    <row r="164" spans="1:3" x14ac:dyDescent="0.2">
      <c r="A164" s="4" t="s">
        <v>247</v>
      </c>
      <c r="B164" s="4" t="s">
        <v>3</v>
      </c>
      <c r="C164" s="4" t="s">
        <v>78</v>
      </c>
    </row>
    <row r="165" spans="1:3" x14ac:dyDescent="0.2">
      <c r="A165" s="4" t="s">
        <v>248</v>
      </c>
      <c r="B165" s="4" t="s">
        <v>11</v>
      </c>
      <c r="C165" s="4" t="s">
        <v>108</v>
      </c>
    </row>
    <row r="166" spans="1:3" x14ac:dyDescent="0.2">
      <c r="A166" s="4" t="s">
        <v>249</v>
      </c>
      <c r="B166" s="4" t="s">
        <v>14</v>
      </c>
      <c r="C166" s="4" t="s">
        <v>128</v>
      </c>
    </row>
    <row r="167" spans="1:3" x14ac:dyDescent="0.2">
      <c r="A167" s="4" t="s">
        <v>250</v>
      </c>
      <c r="B167" s="4" t="s">
        <v>14</v>
      </c>
      <c r="C167" s="4" t="s">
        <v>15</v>
      </c>
    </row>
    <row r="168" spans="1:3" x14ac:dyDescent="0.2">
      <c r="A168" s="4" t="s">
        <v>251</v>
      </c>
      <c r="B168" s="4" t="s">
        <v>36</v>
      </c>
      <c r="C168" s="4" t="s">
        <v>252</v>
      </c>
    </row>
    <row r="169" spans="1:3" x14ac:dyDescent="0.2">
      <c r="A169" s="4" t="s">
        <v>253</v>
      </c>
      <c r="B169" s="4" t="s">
        <v>36</v>
      </c>
      <c r="C169" s="4" t="s">
        <v>252</v>
      </c>
    </row>
    <row r="170" spans="1:3" x14ac:dyDescent="0.2">
      <c r="A170" s="4" t="s">
        <v>254</v>
      </c>
      <c r="B170" s="4" t="s">
        <v>36</v>
      </c>
      <c r="C170" s="4" t="s">
        <v>252</v>
      </c>
    </row>
    <row r="171" spans="1:3" x14ac:dyDescent="0.2">
      <c r="A171" s="4" t="s">
        <v>255</v>
      </c>
      <c r="B171" s="4" t="s">
        <v>36</v>
      </c>
      <c r="C171" s="4" t="s">
        <v>252</v>
      </c>
    </row>
    <row r="172" spans="1:3" x14ac:dyDescent="0.2">
      <c r="A172" s="4" t="s">
        <v>256</v>
      </c>
      <c r="B172" s="4" t="s">
        <v>36</v>
      </c>
      <c r="C172" s="4" t="s">
        <v>257</v>
      </c>
    </row>
    <row r="173" spans="1:3" x14ac:dyDescent="0.2">
      <c r="A173" s="4" t="s">
        <v>258</v>
      </c>
      <c r="B173" s="4" t="s">
        <v>36</v>
      </c>
      <c r="C173" s="4" t="s">
        <v>257</v>
      </c>
    </row>
    <row r="174" spans="1:3" x14ac:dyDescent="0.2">
      <c r="A174" s="4" t="s">
        <v>259</v>
      </c>
      <c r="B174" s="4" t="s">
        <v>36</v>
      </c>
      <c r="C174" s="4" t="s">
        <v>257</v>
      </c>
    </row>
    <row r="175" spans="1:3" x14ac:dyDescent="0.2">
      <c r="A175" s="4" t="s">
        <v>260</v>
      </c>
      <c r="B175" s="4" t="s">
        <v>36</v>
      </c>
      <c r="C175" s="4" t="s">
        <v>257</v>
      </c>
    </row>
    <row r="176" spans="1:3" x14ac:dyDescent="0.2">
      <c r="A176" s="4" t="s">
        <v>261</v>
      </c>
      <c r="B176" s="4" t="s">
        <v>6</v>
      </c>
      <c r="C176" s="4" t="s">
        <v>7</v>
      </c>
    </row>
    <row r="177" spans="1:3" x14ac:dyDescent="0.2">
      <c r="A177" s="4" t="s">
        <v>262</v>
      </c>
      <c r="B177" s="4" t="s">
        <v>6</v>
      </c>
      <c r="C177" s="4" t="s">
        <v>70</v>
      </c>
    </row>
    <row r="178" spans="1:3" x14ac:dyDescent="0.2">
      <c r="A178" s="4" t="s">
        <v>263</v>
      </c>
      <c r="B178" s="4" t="s">
        <v>6</v>
      </c>
      <c r="C178" s="4" t="s">
        <v>70</v>
      </c>
    </row>
    <row r="179" spans="1:3" x14ac:dyDescent="0.2">
      <c r="A179" s="4" t="s">
        <v>264</v>
      </c>
      <c r="B179" s="4" t="s">
        <v>55</v>
      </c>
      <c r="C179" s="2" t="s">
        <v>265</v>
      </c>
    </row>
    <row r="180" spans="1:3" x14ac:dyDescent="0.2">
      <c r="A180" s="4" t="s">
        <v>266</v>
      </c>
      <c r="B180" s="4" t="s">
        <v>55</v>
      </c>
      <c r="C180" s="2" t="s">
        <v>267</v>
      </c>
    </row>
    <row r="181" spans="1:3" x14ac:dyDescent="0.2">
      <c r="A181" s="4" t="s">
        <v>268</v>
      </c>
      <c r="B181" s="4" t="s">
        <v>55</v>
      </c>
      <c r="C181" s="2" t="s">
        <v>269</v>
      </c>
    </row>
    <row r="182" spans="1:3" x14ac:dyDescent="0.2">
      <c r="A182" s="4" t="s">
        <v>270</v>
      </c>
      <c r="B182" s="4" t="s">
        <v>55</v>
      </c>
      <c r="C182" s="2" t="s">
        <v>269</v>
      </c>
    </row>
    <row r="183" spans="1:3" x14ac:dyDescent="0.2">
      <c r="A183" s="4" t="s">
        <v>271</v>
      </c>
      <c r="B183" s="4" t="s">
        <v>55</v>
      </c>
      <c r="C183" s="2" t="s">
        <v>269</v>
      </c>
    </row>
    <row r="184" spans="1:3" x14ac:dyDescent="0.2">
      <c r="A184" s="4" t="s">
        <v>272</v>
      </c>
      <c r="B184" s="4" t="s">
        <v>55</v>
      </c>
      <c r="C184" s="2" t="s">
        <v>273</v>
      </c>
    </row>
    <row r="185" spans="1:3" x14ac:dyDescent="0.2">
      <c r="A185" s="4" t="s">
        <v>274</v>
      </c>
      <c r="B185" s="4" t="s">
        <v>55</v>
      </c>
      <c r="C185" s="2" t="s">
        <v>273</v>
      </c>
    </row>
    <row r="186" spans="1:3" x14ac:dyDescent="0.2">
      <c r="A186" s="4" t="s">
        <v>275</v>
      </c>
      <c r="B186" s="4" t="s">
        <v>55</v>
      </c>
      <c r="C186" s="2" t="s">
        <v>273</v>
      </c>
    </row>
    <row r="187" spans="1:3" x14ac:dyDescent="0.2">
      <c r="A187" s="4" t="s">
        <v>276</v>
      </c>
      <c r="B187" s="4" t="s">
        <v>55</v>
      </c>
      <c r="C187" s="2" t="s">
        <v>265</v>
      </c>
    </row>
    <row r="188" spans="1:3" x14ac:dyDescent="0.2">
      <c r="A188" s="4" t="s">
        <v>277</v>
      </c>
      <c r="B188" s="4" t="s">
        <v>55</v>
      </c>
      <c r="C188" s="2" t="s">
        <v>265</v>
      </c>
    </row>
    <row r="189" spans="1:3" x14ac:dyDescent="0.2">
      <c r="A189" s="4" t="s">
        <v>278</v>
      </c>
      <c r="B189" s="4" t="s">
        <v>55</v>
      </c>
      <c r="C189" s="2" t="s">
        <v>265</v>
      </c>
    </row>
    <row r="190" spans="1:3" x14ac:dyDescent="0.2">
      <c r="A190" s="4" t="s">
        <v>279</v>
      </c>
      <c r="B190" s="4" t="s">
        <v>55</v>
      </c>
      <c r="C190" s="2" t="s">
        <v>265</v>
      </c>
    </row>
    <row r="191" spans="1:3" x14ac:dyDescent="0.2">
      <c r="A191" s="4" t="s">
        <v>280</v>
      </c>
      <c r="B191" s="4" t="s">
        <v>55</v>
      </c>
      <c r="C191" s="2" t="s">
        <v>267</v>
      </c>
    </row>
    <row r="192" spans="1:3" x14ac:dyDescent="0.2">
      <c r="A192" s="4" t="s">
        <v>281</v>
      </c>
      <c r="B192" s="4" t="s">
        <v>55</v>
      </c>
      <c r="C192" s="2" t="s">
        <v>267</v>
      </c>
    </row>
    <row r="193" spans="1:3" x14ac:dyDescent="0.2">
      <c r="A193" s="4" t="s">
        <v>282</v>
      </c>
      <c r="B193" s="4" t="s">
        <v>55</v>
      </c>
      <c r="C193" s="2" t="s">
        <v>267</v>
      </c>
    </row>
    <row r="194" spans="1:3" x14ac:dyDescent="0.2">
      <c r="A194" s="4" t="s">
        <v>283</v>
      </c>
      <c r="B194" s="4" t="s">
        <v>55</v>
      </c>
      <c r="C194" s="2" t="s">
        <v>267</v>
      </c>
    </row>
    <row r="195" spans="1:3" x14ac:dyDescent="0.2">
      <c r="A195" s="4" t="s">
        <v>284</v>
      </c>
      <c r="B195" s="4" t="s">
        <v>14</v>
      </c>
      <c r="C195" s="4" t="s">
        <v>285</v>
      </c>
    </row>
    <row r="196" spans="1:3" x14ac:dyDescent="0.2">
      <c r="A196" s="4" t="s">
        <v>286</v>
      </c>
      <c r="B196" s="4" t="s">
        <v>14</v>
      </c>
      <c r="C196" s="4" t="s">
        <v>285</v>
      </c>
    </row>
    <row r="197" spans="1:3" x14ac:dyDescent="0.2">
      <c r="A197" s="4" t="s">
        <v>287</v>
      </c>
      <c r="B197" s="4" t="s">
        <v>14</v>
      </c>
      <c r="C197" s="4" t="s">
        <v>285</v>
      </c>
    </row>
    <row r="198" spans="1:3" x14ac:dyDescent="0.2">
      <c r="A198" s="4" t="s">
        <v>288</v>
      </c>
      <c r="B198" s="4" t="s">
        <v>14</v>
      </c>
      <c r="C198" s="4" t="s">
        <v>285</v>
      </c>
    </row>
    <row r="199" spans="1:3" x14ac:dyDescent="0.2">
      <c r="A199" s="4" t="s">
        <v>289</v>
      </c>
      <c r="B199" s="4" t="s">
        <v>6</v>
      </c>
      <c r="C199" s="4" t="s">
        <v>290</v>
      </c>
    </row>
    <row r="200" spans="1:3" x14ac:dyDescent="0.2">
      <c r="A200" s="4" t="s">
        <v>291</v>
      </c>
      <c r="B200" s="4" t="s">
        <v>6</v>
      </c>
      <c r="C200" s="4" t="s">
        <v>290</v>
      </c>
    </row>
    <row r="201" spans="1:3" x14ac:dyDescent="0.2">
      <c r="A201" s="7" t="s">
        <v>292</v>
      </c>
      <c r="B201" s="7" t="s">
        <v>6</v>
      </c>
      <c r="C201" s="4" t="s">
        <v>290</v>
      </c>
    </row>
    <row r="202" spans="1:3" x14ac:dyDescent="0.2">
      <c r="A202" s="4" t="s">
        <v>293</v>
      </c>
      <c r="B202" s="4" t="s">
        <v>6</v>
      </c>
      <c r="C202" s="4" t="s">
        <v>290</v>
      </c>
    </row>
    <row r="203" spans="1:3" x14ac:dyDescent="0.2">
      <c r="A203" s="4" t="s">
        <v>294</v>
      </c>
      <c r="B203" s="4" t="s">
        <v>3</v>
      </c>
      <c r="C203" s="4" t="s">
        <v>295</v>
      </c>
    </row>
    <row r="204" spans="1:3" ht="28.5" x14ac:dyDescent="0.2">
      <c r="A204" s="4" t="s">
        <v>296</v>
      </c>
      <c r="B204" s="4"/>
      <c r="C204" s="5" t="s">
        <v>358</v>
      </c>
    </row>
    <row r="205" spans="1:3" x14ac:dyDescent="0.2">
      <c r="A205" s="4" t="s">
        <v>297</v>
      </c>
      <c r="B205" s="4" t="s">
        <v>11</v>
      </c>
      <c r="C205" s="4" t="s">
        <v>52</v>
      </c>
    </row>
    <row r="206" spans="1:3" x14ac:dyDescent="0.2">
      <c r="A206" s="4" t="s">
        <v>298</v>
      </c>
      <c r="B206" s="4" t="s">
        <v>11</v>
      </c>
      <c r="C206" s="4" t="s">
        <v>21</v>
      </c>
    </row>
    <row r="207" spans="1:3" x14ac:dyDescent="0.2">
      <c r="A207" s="4" t="s">
        <v>299</v>
      </c>
      <c r="B207" s="4" t="s">
        <v>11</v>
      </c>
      <c r="C207" s="4" t="s">
        <v>300</v>
      </c>
    </row>
    <row r="208" spans="1:3" x14ac:dyDescent="0.2">
      <c r="A208" s="4" t="s">
        <v>301</v>
      </c>
      <c r="B208" s="4" t="s">
        <v>3</v>
      </c>
      <c r="C208" s="4" t="s">
        <v>302</v>
      </c>
    </row>
    <row r="209" spans="1:3" x14ac:dyDescent="0.2">
      <c r="A209" s="4" t="s">
        <v>303</v>
      </c>
      <c r="B209" s="4" t="s">
        <v>11</v>
      </c>
      <c r="C209" s="4" t="s">
        <v>61</v>
      </c>
    </row>
    <row r="210" spans="1:3" x14ac:dyDescent="0.2">
      <c r="A210" s="4" t="s">
        <v>304</v>
      </c>
      <c r="B210" s="4" t="s">
        <v>11</v>
      </c>
      <c r="C210" s="4" t="s">
        <v>108</v>
      </c>
    </row>
    <row r="211" spans="1:3" x14ac:dyDescent="0.2">
      <c r="A211" s="4" t="s">
        <v>305</v>
      </c>
      <c r="B211" s="4" t="s">
        <v>11</v>
      </c>
      <c r="C211" s="4" t="s">
        <v>91</v>
      </c>
    </row>
    <row r="212" spans="1:3" x14ac:dyDescent="0.2">
      <c r="A212" s="4" t="s">
        <v>306</v>
      </c>
      <c r="B212" s="4" t="s">
        <v>14</v>
      </c>
      <c r="C212" s="4" t="s">
        <v>17</v>
      </c>
    </row>
    <row r="213" spans="1:3" x14ac:dyDescent="0.2">
      <c r="A213" s="4" t="s">
        <v>307</v>
      </c>
      <c r="B213" s="4" t="s">
        <v>6</v>
      </c>
      <c r="C213" s="4" t="s">
        <v>70</v>
      </c>
    </row>
    <row r="214" spans="1:3" x14ac:dyDescent="0.2">
      <c r="A214" s="4" t="s">
        <v>308</v>
      </c>
      <c r="B214" s="4" t="s">
        <v>11</v>
      </c>
      <c r="C214" s="4" t="s">
        <v>91</v>
      </c>
    </row>
    <row r="215" spans="1:3" x14ac:dyDescent="0.2">
      <c r="A215" s="4" t="s">
        <v>309</v>
      </c>
      <c r="B215" s="4" t="s">
        <v>3</v>
      </c>
      <c r="C215" s="4" t="s">
        <v>99</v>
      </c>
    </row>
    <row r="216" spans="1:3" x14ac:dyDescent="0.2">
      <c r="A216" s="4" t="s">
        <v>310</v>
      </c>
      <c r="B216" s="4" t="s">
        <v>55</v>
      </c>
      <c r="C216" s="4" t="s">
        <v>110</v>
      </c>
    </row>
    <row r="217" spans="1:3" x14ac:dyDescent="0.2">
      <c r="A217" s="4" t="s">
        <v>311</v>
      </c>
      <c r="B217" s="4" t="s">
        <v>11</v>
      </c>
      <c r="C217" s="4" t="s">
        <v>312</v>
      </c>
    </row>
    <row r="218" spans="1:3" x14ac:dyDescent="0.2">
      <c r="A218" s="4" t="s">
        <v>313</v>
      </c>
      <c r="B218" s="4" t="s">
        <v>11</v>
      </c>
      <c r="C218" s="4" t="s">
        <v>59</v>
      </c>
    </row>
    <row r="219" spans="1:3" x14ac:dyDescent="0.2">
      <c r="A219" s="4" t="s">
        <v>314</v>
      </c>
      <c r="B219" s="4" t="s">
        <v>11</v>
      </c>
      <c r="C219" s="4" t="s">
        <v>61</v>
      </c>
    </row>
    <row r="220" spans="1:3" x14ac:dyDescent="0.2">
      <c r="A220" s="4" t="s">
        <v>315</v>
      </c>
      <c r="B220" s="4" t="s">
        <v>55</v>
      </c>
      <c r="C220" s="4" t="s">
        <v>103</v>
      </c>
    </row>
    <row r="221" spans="1:3" x14ac:dyDescent="0.2">
      <c r="A221" s="4" t="s">
        <v>316</v>
      </c>
      <c r="B221" s="4" t="s">
        <v>14</v>
      </c>
      <c r="C221" s="4" t="s">
        <v>17</v>
      </c>
    </row>
    <row r="222" spans="1:3" x14ac:dyDescent="0.2">
      <c r="A222" s="4" t="s">
        <v>317</v>
      </c>
      <c r="B222" s="4" t="s">
        <v>55</v>
      </c>
      <c r="C222" s="4" t="s">
        <v>56</v>
      </c>
    </row>
    <row r="223" spans="1:3" x14ac:dyDescent="0.2">
      <c r="A223" s="4" t="s">
        <v>318</v>
      </c>
      <c r="B223" s="4" t="s">
        <v>11</v>
      </c>
      <c r="C223" s="4" t="s">
        <v>191</v>
      </c>
    </row>
    <row r="224" spans="1:3" x14ac:dyDescent="0.2">
      <c r="A224" s="4" t="s">
        <v>319</v>
      </c>
      <c r="B224" s="4" t="s">
        <v>6</v>
      </c>
      <c r="C224" s="4" t="s">
        <v>7</v>
      </c>
    </row>
    <row r="225" spans="1:3" x14ac:dyDescent="0.2">
      <c r="A225" s="2" t="s">
        <v>320</v>
      </c>
      <c r="B225" s="2" t="s">
        <v>6</v>
      </c>
      <c r="C225" s="2" t="s">
        <v>70</v>
      </c>
    </row>
    <row r="226" spans="1:3" x14ac:dyDescent="0.2">
      <c r="A226" s="4" t="s">
        <v>321</v>
      </c>
      <c r="B226" s="4" t="s">
        <v>11</v>
      </c>
      <c r="C226" s="4" t="s">
        <v>195</v>
      </c>
    </row>
    <row r="227" spans="1:3" x14ac:dyDescent="0.2">
      <c r="A227" s="4" t="s">
        <v>322</v>
      </c>
      <c r="B227" s="4" t="s">
        <v>11</v>
      </c>
      <c r="C227" s="4" t="s">
        <v>241</v>
      </c>
    </row>
    <row r="228" spans="1:3" x14ac:dyDescent="0.2">
      <c r="A228" s="4" t="s">
        <v>323</v>
      </c>
      <c r="B228" s="4" t="s">
        <v>3</v>
      </c>
      <c r="C228" s="4" t="s">
        <v>19</v>
      </c>
    </row>
    <row r="229" spans="1:3" x14ac:dyDescent="0.2">
      <c r="A229" s="4" t="s">
        <v>324</v>
      </c>
      <c r="B229" s="4" t="s">
        <v>3</v>
      </c>
      <c r="C229" s="4" t="s">
        <v>64</v>
      </c>
    </row>
    <row r="230" spans="1:3" x14ac:dyDescent="0.2">
      <c r="A230" s="4" t="s">
        <v>325</v>
      </c>
      <c r="B230" s="4" t="s">
        <v>11</v>
      </c>
      <c r="C230" s="4" t="s">
        <v>12</v>
      </c>
    </row>
    <row r="231" spans="1:3" x14ac:dyDescent="0.2">
      <c r="A231" s="4" t="s">
        <v>326</v>
      </c>
      <c r="B231" s="4" t="s">
        <v>6</v>
      </c>
      <c r="C231" s="4" t="s">
        <v>327</v>
      </c>
    </row>
    <row r="232" spans="1:3" x14ac:dyDescent="0.2">
      <c r="A232" s="4" t="s">
        <v>328</v>
      </c>
      <c r="B232" s="4" t="s">
        <v>14</v>
      </c>
      <c r="C232" s="4" t="s">
        <v>106</v>
      </c>
    </row>
    <row r="233" spans="1:3" x14ac:dyDescent="0.2">
      <c r="A233" s="4" t="s">
        <v>329</v>
      </c>
      <c r="B233" s="4" t="s">
        <v>36</v>
      </c>
      <c r="C233" s="4" t="s">
        <v>37</v>
      </c>
    </row>
    <row r="234" spans="1:3" x14ac:dyDescent="0.2">
      <c r="A234" s="4" t="s">
        <v>330</v>
      </c>
      <c r="B234" s="4" t="s">
        <v>11</v>
      </c>
      <c r="C234" s="4" t="s">
        <v>195</v>
      </c>
    </row>
    <row r="235" spans="1:3" x14ac:dyDescent="0.2">
      <c r="A235" s="4" t="s">
        <v>331</v>
      </c>
      <c r="B235" s="4" t="s">
        <v>14</v>
      </c>
      <c r="C235" s="4" t="s">
        <v>332</v>
      </c>
    </row>
    <row r="236" spans="1:3" x14ac:dyDescent="0.2">
      <c r="A236" s="4" t="s">
        <v>333</v>
      </c>
      <c r="B236" s="4" t="s">
        <v>11</v>
      </c>
      <c r="C236" s="4" t="s">
        <v>334</v>
      </c>
    </row>
    <row r="237" spans="1:3" x14ac:dyDescent="0.2">
      <c r="A237" s="4" t="s">
        <v>335</v>
      </c>
      <c r="B237" s="4" t="s">
        <v>3</v>
      </c>
      <c r="C237" s="4" t="s">
        <v>104</v>
      </c>
    </row>
    <row r="238" spans="1:3" x14ac:dyDescent="0.2">
      <c r="A238" s="4" t="s">
        <v>336</v>
      </c>
      <c r="B238" s="4" t="s">
        <v>11</v>
      </c>
      <c r="C238" s="4" t="s">
        <v>21</v>
      </c>
    </row>
    <row r="239" spans="1:3" x14ac:dyDescent="0.2">
      <c r="A239" s="4" t="s">
        <v>337</v>
      </c>
      <c r="B239" s="4" t="s">
        <v>11</v>
      </c>
      <c r="C239" s="4" t="s">
        <v>12</v>
      </c>
    </row>
    <row r="240" spans="1:3" x14ac:dyDescent="0.2">
      <c r="A240" s="4" t="s">
        <v>338</v>
      </c>
      <c r="B240" s="4" t="s">
        <v>14</v>
      </c>
      <c r="C240" s="4" t="s">
        <v>339</v>
      </c>
    </row>
    <row r="241" spans="1:3" x14ac:dyDescent="0.2">
      <c r="A241" s="4" t="s">
        <v>340</v>
      </c>
      <c r="B241" s="4" t="s">
        <v>6</v>
      </c>
      <c r="C241" s="4" t="s">
        <v>72</v>
      </c>
    </row>
    <row r="242" spans="1:3" x14ac:dyDescent="0.2">
      <c r="A242" s="4" t="s">
        <v>341</v>
      </c>
      <c r="B242" s="4" t="s">
        <v>11</v>
      </c>
      <c r="C242" s="4" t="s">
        <v>12</v>
      </c>
    </row>
    <row r="243" spans="1:3" x14ac:dyDescent="0.2">
      <c r="A243" s="4" t="s">
        <v>342</v>
      </c>
      <c r="B243" s="4" t="s">
        <v>6</v>
      </c>
      <c r="C243" s="4" t="s">
        <v>343</v>
      </c>
    </row>
    <row r="244" spans="1:3" x14ac:dyDescent="0.2">
      <c r="A244" s="4" t="s">
        <v>344</v>
      </c>
      <c r="B244" s="4" t="s">
        <v>11</v>
      </c>
      <c r="C244" s="4" t="s">
        <v>195</v>
      </c>
    </row>
    <row r="245" spans="1:3" x14ac:dyDescent="0.2">
      <c r="A245" s="4" t="s">
        <v>345</v>
      </c>
      <c r="B245" s="4" t="s">
        <v>3</v>
      </c>
      <c r="C245" s="4" t="s">
        <v>346</v>
      </c>
    </row>
    <row r="246" spans="1:3" x14ac:dyDescent="0.2">
      <c r="A246" s="4" t="s">
        <v>347</v>
      </c>
      <c r="B246" s="4" t="s">
        <v>14</v>
      </c>
      <c r="C246" s="4" t="s">
        <v>174</v>
      </c>
    </row>
    <row r="247" spans="1:3" ht="28.5" x14ac:dyDescent="0.2">
      <c r="A247" s="4" t="s">
        <v>348</v>
      </c>
      <c r="B247" s="4" t="s">
        <v>14</v>
      </c>
      <c r="C247" s="5" t="s">
        <v>353</v>
      </c>
    </row>
    <row r="248" spans="1:3" x14ac:dyDescent="0.2">
      <c r="A248" s="4" t="s">
        <v>349</v>
      </c>
      <c r="B248" s="4" t="s">
        <v>36</v>
      </c>
      <c r="C248" s="4" t="s">
        <v>37</v>
      </c>
    </row>
    <row r="249" spans="1:3" x14ac:dyDescent="0.2">
      <c r="A249" s="4" t="s">
        <v>350</v>
      </c>
      <c r="B249" s="4" t="s">
        <v>3</v>
      </c>
      <c r="C249" s="4" t="s">
        <v>34</v>
      </c>
    </row>
    <row r="250" spans="1:3" x14ac:dyDescent="0.2">
      <c r="A250" s="4" t="s">
        <v>351</v>
      </c>
      <c r="B250" s="4" t="s">
        <v>36</v>
      </c>
      <c r="C250" s="4" t="s">
        <v>97</v>
      </c>
    </row>
    <row r="251" spans="1:3" s="8" customFormat="1" x14ac:dyDescent="0.2"/>
    <row r="252" spans="1:3" s="8" customFormat="1" x14ac:dyDescent="0.2"/>
    <row r="253" spans="1:3" s="8" customFormat="1" x14ac:dyDescent="0.2"/>
    <row r="254" spans="1:3" s="8" customFormat="1" x14ac:dyDescent="0.2"/>
  </sheetData>
  <autoFilter ref="A3:E3" xr:uid="{EE942774-4FA8-4DB9-ACB7-61C81F9E1DC2}"/>
  <pageMargins left="0.7" right="0.7" top="0.75" bottom="0.75" header="0.3" footer="0.3"/>
  <pageSetup paperSize="9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transformationConfigurations":[],"templateName":"Boo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EB8A4D0-2978-4CC7-A263-CA3830AE9439}">
  <ds:schemaRefs/>
</ds:datastoreItem>
</file>

<file path=customXml/itemProps2.xml><?xml version="1.0" encoding="utf-8"?>
<ds:datastoreItem xmlns:ds="http://schemas.openxmlformats.org/officeDocument/2006/customXml" ds:itemID="{32EA6D85-E46E-4C0A-BEA4-CBE991220F9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Regneark</vt:lpstr>
      </vt:variant>
      <vt:variant>
        <vt:i4>1</vt:i4>
      </vt:variant>
    </vt:vector>
  </HeadingPairs>
  <TitlesOfParts>
    <vt:vector size="1" baseType="lpstr">
      <vt:lpstr>Ark1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Ngaio Ustrup</dc:creator>
  <cp:lastModifiedBy>Ngaio Ustrup</cp:lastModifiedBy>
  <dcterms:created xsi:type="dcterms:W3CDTF">2023-06-09T09:53:30Z</dcterms:created>
  <dcterms:modified xsi:type="dcterms:W3CDTF">2023-06-16T11:09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10548563422675</vt:lpwstr>
  </property>
  <property fmtid="{D5CDD505-2E9C-101B-9397-08002B2CF9AE}" pid="4" name="TemplafyUserProfileId">
    <vt:lpwstr>637830412110617516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